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1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2'!$A$1:$DJ$39</definedName>
    <definedName name="_xlnm.Print_Titles" localSheetId="0">'12'!$A:$A</definedName>
  </definedNames>
  <calcPr calcId="152511"/>
</workbook>
</file>

<file path=xl/sharedStrings.xml><?xml version="1.0" encoding="utf-8"?>
<sst xmlns="http://schemas.openxmlformats.org/spreadsheetml/2006/main" count="294" uniqueCount="222">
  <si>
    <t>左の内訳</t>
    <rPh sb="0" eb="1">
      <t>ヒダリ</t>
    </rPh>
    <rPh sb="2" eb="4">
      <t>ウチワケ</t>
    </rPh>
    <phoneticPr fontId="1"/>
  </si>
  <si>
    <t>左の内訳</t>
    <rPh sb="0" eb="1">
      <t>ヒダリ</t>
    </rPh>
    <phoneticPr fontId="1"/>
  </si>
  <si>
    <t>利子割</t>
  </si>
  <si>
    <t>配当割</t>
    <rPh sb="0" eb="2">
      <t>ハイトウ</t>
    </rPh>
    <rPh sb="2" eb="3">
      <t>ワ</t>
    </rPh>
    <phoneticPr fontId="1"/>
  </si>
  <si>
    <t>株式等</t>
    <rPh sb="0" eb="2">
      <t>カブシキ</t>
    </rPh>
    <rPh sb="2" eb="3">
      <t>トウ</t>
    </rPh>
    <phoneticPr fontId="1"/>
  </si>
  <si>
    <t>地方</t>
    <rPh sb="0" eb="2">
      <t>チホウ</t>
    </rPh>
    <phoneticPr fontId="1"/>
  </si>
  <si>
    <t>ゴルフ場</t>
  </si>
  <si>
    <t>地方特例</t>
  </si>
  <si>
    <t>交通安全対策</t>
    <rPh sb="4" eb="6">
      <t>タイサク</t>
    </rPh>
    <phoneticPr fontId="1"/>
  </si>
  <si>
    <t>分担金</t>
  </si>
  <si>
    <t>法定受託</t>
    <rPh sb="0" eb="2">
      <t>ホウテイ</t>
    </rPh>
    <rPh sb="2" eb="4">
      <t>ジュタク</t>
    </rPh>
    <phoneticPr fontId="1"/>
  </si>
  <si>
    <t>障害者</t>
    <rPh sb="0" eb="2">
      <t>ショウガイ</t>
    </rPh>
    <rPh sb="2" eb="3">
      <t>シャ</t>
    </rPh>
    <phoneticPr fontId="1"/>
  </si>
  <si>
    <t>特定防衛施設</t>
    <rPh sb="4" eb="6">
      <t>シセツ</t>
    </rPh>
    <phoneticPr fontId="1"/>
  </si>
  <si>
    <t>電源立地</t>
    <rPh sb="0" eb="2">
      <t>デンゲン</t>
    </rPh>
    <rPh sb="2" eb="4">
      <t>リッチ</t>
    </rPh>
    <phoneticPr fontId="1"/>
  </si>
  <si>
    <t>都道府県</t>
  </si>
  <si>
    <t>繰越事業費等</t>
  </si>
  <si>
    <t>延滞金</t>
  </si>
  <si>
    <t>公営企業</t>
  </si>
  <si>
    <t>地方税</t>
  </si>
  <si>
    <t>地方譲与税</t>
  </si>
  <si>
    <t>地方揮発油</t>
    <rPh sb="0" eb="2">
      <t>チホウ</t>
    </rPh>
    <rPh sb="2" eb="5">
      <t>キハツユ</t>
    </rPh>
    <phoneticPr fontId="1"/>
  </si>
  <si>
    <t>地方道路</t>
  </si>
  <si>
    <t>特別とん</t>
  </si>
  <si>
    <t>石油ガス</t>
  </si>
  <si>
    <t>自動車重量</t>
  </si>
  <si>
    <t>航空機燃料</t>
    <rPh sb="3" eb="4">
      <t>ネン</t>
    </rPh>
    <rPh sb="4" eb="5">
      <t>リョウ</t>
    </rPh>
    <phoneticPr fontId="1"/>
  </si>
  <si>
    <t>交付金</t>
  </si>
  <si>
    <t>交付金</t>
    <rPh sb="0" eb="3">
      <t>コウフキン</t>
    </rPh>
    <phoneticPr fontId="1"/>
  </si>
  <si>
    <t>譲渡所得割</t>
  </si>
  <si>
    <t>消費税</t>
  </si>
  <si>
    <t>利用税</t>
  </si>
  <si>
    <t>地方交付税</t>
  </si>
  <si>
    <t>普通交付税</t>
  </si>
  <si>
    <t>特別交付税</t>
  </si>
  <si>
    <t>震災復興</t>
  </si>
  <si>
    <t>同級他団体</t>
  </si>
  <si>
    <t>その他</t>
  </si>
  <si>
    <t>使用料</t>
  </si>
  <si>
    <t>授業料</t>
  </si>
  <si>
    <t>保育所</t>
  </si>
  <si>
    <t>公営住宅</t>
  </si>
  <si>
    <t>手数料</t>
  </si>
  <si>
    <t>国庫支出金</t>
  </si>
  <si>
    <t>生活保護費</t>
    <rPh sb="4" eb="5">
      <t>ヒ</t>
    </rPh>
    <phoneticPr fontId="2"/>
  </si>
  <si>
    <t>児童保護費等</t>
    <rPh sb="4" eb="5">
      <t>ヒ</t>
    </rPh>
    <rPh sb="5" eb="6">
      <t>ナド</t>
    </rPh>
    <phoneticPr fontId="1"/>
  </si>
  <si>
    <t>委託金</t>
  </si>
  <si>
    <t>普通建設</t>
  </si>
  <si>
    <t>災害復旧</t>
  </si>
  <si>
    <t>社会資本整備</t>
  </si>
  <si>
    <t>地域対策</t>
    <rPh sb="0" eb="2">
      <t>チイキ</t>
    </rPh>
    <rPh sb="2" eb="4">
      <t>タイサク</t>
    </rPh>
    <phoneticPr fontId="2"/>
  </si>
  <si>
    <t>東日本大震災</t>
  </si>
  <si>
    <t>施設等</t>
  </si>
  <si>
    <t>支出金</t>
    <rPh sb="0" eb="3">
      <t>シシュツキン</t>
    </rPh>
    <phoneticPr fontId="2"/>
  </si>
  <si>
    <t>電源立地</t>
  </si>
  <si>
    <t>石油貯蔵施設</t>
  </si>
  <si>
    <t>都道府県費</t>
    <rPh sb="0" eb="2">
      <t>トドウ</t>
    </rPh>
    <rPh sb="2" eb="3">
      <t>フ</t>
    </rPh>
    <rPh sb="3" eb="5">
      <t>ケンピ</t>
    </rPh>
    <phoneticPr fontId="2"/>
  </si>
  <si>
    <t>財産収入</t>
  </si>
  <si>
    <t>財産運用</t>
  </si>
  <si>
    <t>財産売払</t>
  </si>
  <si>
    <t>寄附金</t>
    <rPh sb="0" eb="3">
      <t>キフキン</t>
    </rPh>
    <phoneticPr fontId="1"/>
  </si>
  <si>
    <t>繰入金</t>
    <rPh sb="0" eb="3">
      <t>クリイレキン</t>
    </rPh>
    <phoneticPr fontId="1"/>
  </si>
  <si>
    <t>繰越金</t>
  </si>
  <si>
    <t>純繰越金</t>
  </si>
  <si>
    <t>充当財源</t>
  </si>
  <si>
    <t>諸収入</t>
  </si>
  <si>
    <t>加算金</t>
  </si>
  <si>
    <t>預金利子</t>
  </si>
  <si>
    <t>貸付金</t>
  </si>
  <si>
    <t>受託事業</t>
  </si>
  <si>
    <t>民間</t>
  </si>
  <si>
    <t>収益事業</t>
  </si>
  <si>
    <t>雑入</t>
  </si>
  <si>
    <t>一部事務組合</t>
    <rPh sb="4" eb="6">
      <t>クミアイ</t>
    </rPh>
    <phoneticPr fontId="2"/>
  </si>
  <si>
    <t>地方債</t>
  </si>
  <si>
    <t>歳入合計</t>
  </si>
  <si>
    <t>譲与税</t>
    <rPh sb="0" eb="1">
      <t>ユズル</t>
    </rPh>
    <rPh sb="1" eb="2">
      <t>アタエ</t>
    </rPh>
    <rPh sb="2" eb="3">
      <t>ゼイ</t>
    </rPh>
    <phoneticPr fontId="1"/>
  </si>
  <si>
    <t>譲与税</t>
  </si>
  <si>
    <t>からのもの</t>
  </si>
  <si>
    <t>高等学校</t>
  </si>
  <si>
    <t>幼稚園</t>
  </si>
  <si>
    <t>事業</t>
  </si>
  <si>
    <t>総合交付金</t>
  </si>
  <si>
    <t>復興交付金</t>
  </si>
  <si>
    <t>所在市町村</t>
  </si>
  <si>
    <t>伴うもの</t>
  </si>
  <si>
    <t>保護費等</t>
  </si>
  <si>
    <t>支援給付費等</t>
    <rPh sb="0" eb="2">
      <t>シエン</t>
    </rPh>
    <phoneticPr fontId="1"/>
  </si>
  <si>
    <t>地域対策</t>
    <rPh sb="0" eb="2">
      <t>チイキ</t>
    </rPh>
    <rPh sb="2" eb="4">
      <t>タイサク</t>
    </rPh>
    <phoneticPr fontId="1"/>
  </si>
  <si>
    <t>事業費</t>
  </si>
  <si>
    <t>収入</t>
    <rPh sb="0" eb="2">
      <t>シュウニュウ</t>
    </rPh>
    <phoneticPr fontId="1"/>
  </si>
  <si>
    <t>土地建物</t>
  </si>
  <si>
    <t>立木竹</t>
  </si>
  <si>
    <t>繰越額</t>
  </si>
  <si>
    <t>及び過料</t>
  </si>
  <si>
    <t>元利収入</t>
  </si>
  <si>
    <t>元利収入</t>
    <rPh sb="0" eb="2">
      <t>ガンリ</t>
    </rPh>
    <rPh sb="2" eb="4">
      <t>シュウニュウ</t>
    </rPh>
    <phoneticPr fontId="1"/>
  </si>
  <si>
    <t>配分金</t>
    <rPh sb="0" eb="2">
      <t>ハイブン</t>
    </rPh>
    <phoneticPr fontId="1"/>
  </si>
  <si>
    <t>助成交付金</t>
  </si>
  <si>
    <t>負担金</t>
  </si>
  <si>
    <t>負担金</t>
    <rPh sb="0" eb="3">
      <t>フタンキン</t>
    </rPh>
    <phoneticPr fontId="1"/>
  </si>
  <si>
    <t>支出金</t>
    <rPh sb="0" eb="1">
      <t>ササ</t>
    </rPh>
    <phoneticPr fontId="1"/>
  </si>
  <si>
    <t>左の内訳</t>
    <phoneticPr fontId="2"/>
  </si>
  <si>
    <t>自動車</t>
    <phoneticPr fontId="2"/>
  </si>
  <si>
    <t>軽油</t>
    <phoneticPr fontId="2"/>
  </si>
  <si>
    <t>公立高等学校</t>
    <phoneticPr fontId="2"/>
  </si>
  <si>
    <t>普通建設</t>
    <phoneticPr fontId="1"/>
  </si>
  <si>
    <t>災害復旧</t>
    <phoneticPr fontId="1"/>
  </si>
  <si>
    <t>失業対策</t>
    <phoneticPr fontId="1"/>
  </si>
  <si>
    <t>国有提供</t>
    <phoneticPr fontId="2"/>
  </si>
  <si>
    <t>取得税</t>
    <phoneticPr fontId="2"/>
  </si>
  <si>
    <t>引取税</t>
    <phoneticPr fontId="2"/>
  </si>
  <si>
    <t>特別交付金</t>
    <phoneticPr fontId="2"/>
  </si>
  <si>
    <t>及び負担金</t>
    <phoneticPr fontId="2"/>
  </si>
  <si>
    <t>事務に</t>
    <phoneticPr fontId="2"/>
  </si>
  <si>
    <t>自治事務に</t>
    <phoneticPr fontId="2"/>
  </si>
  <si>
    <t>自立支援</t>
    <phoneticPr fontId="2"/>
  </si>
  <si>
    <t>授業料</t>
    <phoneticPr fontId="2"/>
  </si>
  <si>
    <t>事業費</t>
    <phoneticPr fontId="2"/>
  </si>
  <si>
    <t>財政補給金</t>
    <phoneticPr fontId="2"/>
  </si>
  <si>
    <t>周辺整備</t>
    <phoneticPr fontId="2"/>
  </si>
  <si>
    <t>国庫財源を</t>
    <phoneticPr fontId="2"/>
  </si>
  <si>
    <t>児童</t>
    <phoneticPr fontId="1"/>
  </si>
  <si>
    <t>障害者自立</t>
    <phoneticPr fontId="2"/>
  </si>
  <si>
    <t>普通建設</t>
    <phoneticPr fontId="2"/>
  </si>
  <si>
    <t>災害復旧</t>
    <phoneticPr fontId="2"/>
  </si>
  <si>
    <t>新エネルギー・産業</t>
    <phoneticPr fontId="2"/>
  </si>
  <si>
    <t>譲与税</t>
    <phoneticPr fontId="2"/>
  </si>
  <si>
    <t>交付金</t>
    <phoneticPr fontId="2"/>
  </si>
  <si>
    <t>係るもの</t>
    <phoneticPr fontId="2"/>
  </si>
  <si>
    <t>負担金</t>
    <phoneticPr fontId="1"/>
  </si>
  <si>
    <t>給付費等</t>
    <phoneticPr fontId="2"/>
  </si>
  <si>
    <t>不徴収</t>
    <phoneticPr fontId="2"/>
  </si>
  <si>
    <t>支出金</t>
    <phoneticPr fontId="2"/>
  </si>
  <si>
    <t>調整交付金</t>
    <phoneticPr fontId="2"/>
  </si>
  <si>
    <t>交付金</t>
    <phoneticPr fontId="2"/>
  </si>
  <si>
    <t>事業費</t>
    <phoneticPr fontId="2"/>
  </si>
  <si>
    <t>普通建設</t>
    <phoneticPr fontId="2"/>
  </si>
  <si>
    <t>災害復旧</t>
    <phoneticPr fontId="2"/>
  </si>
  <si>
    <t>その他</t>
    <phoneticPr fontId="2"/>
  </si>
  <si>
    <t>立地対策等</t>
    <phoneticPr fontId="2"/>
  </si>
  <si>
    <t>のみのもの</t>
    <phoneticPr fontId="2"/>
  </si>
  <si>
    <t>技術総合開発機構</t>
    <phoneticPr fontId="2"/>
  </si>
  <si>
    <t>負担金</t>
    <phoneticPr fontId="2"/>
  </si>
  <si>
    <t>事業</t>
    <phoneticPr fontId="2"/>
  </si>
  <si>
    <t>支出金</t>
    <phoneticPr fontId="1"/>
  </si>
  <si>
    <t>からのもの</t>
    <phoneticPr fontId="2"/>
  </si>
  <si>
    <t>児童手当等</t>
    <rPh sb="0" eb="2">
      <t>ジドウ</t>
    </rPh>
    <rPh sb="2" eb="5">
      <t>テアテトウ</t>
    </rPh>
    <phoneticPr fontId="2"/>
  </si>
  <si>
    <t>児童手当等</t>
    <rPh sb="0" eb="2">
      <t>ジドウ</t>
    </rPh>
    <rPh sb="2" eb="5">
      <t>テアテトウ</t>
    </rPh>
    <phoneticPr fontId="1"/>
  </si>
  <si>
    <t>交付金</t>
    <rPh sb="0" eb="3">
      <t>コウフキン</t>
    </rPh>
    <phoneticPr fontId="2"/>
  </si>
  <si>
    <t>地方創生</t>
    <phoneticPr fontId="2"/>
  </si>
  <si>
    <t>関係交付金</t>
  </si>
  <si>
    <t>分離課税</t>
    <rPh sb="0" eb="2">
      <t>ブンリ</t>
    </rPh>
    <rPh sb="2" eb="4">
      <t>カゼイ</t>
    </rPh>
    <phoneticPr fontId="2"/>
  </si>
  <si>
    <t>所得割</t>
    <rPh sb="0" eb="2">
      <t>ショトク</t>
    </rPh>
    <rPh sb="2" eb="3">
      <t>ワリ</t>
    </rPh>
    <phoneticPr fontId="2"/>
  </si>
  <si>
    <t>左の内訳</t>
    <rPh sb="0" eb="1">
      <t>ヒダリ</t>
    </rPh>
    <rPh sb="2" eb="4">
      <t>ウチワケ</t>
    </rPh>
    <phoneticPr fontId="2"/>
  </si>
  <si>
    <t>左の内訳</t>
    <rPh sb="0" eb="1">
      <t>ヒダリ</t>
    </rPh>
    <rPh sb="2" eb="4">
      <t>ウチワケ</t>
    </rPh>
    <phoneticPr fontId="2"/>
  </si>
  <si>
    <t>ふるさと</t>
    <phoneticPr fontId="2"/>
  </si>
  <si>
    <t>納税</t>
    <rPh sb="0" eb="2">
      <t>ノウゼイ</t>
    </rPh>
    <phoneticPr fontId="2"/>
  </si>
  <si>
    <t>地域創生</t>
    <rPh sb="0" eb="2">
      <t>チイキ</t>
    </rPh>
    <rPh sb="2" eb="4">
      <t>ソウセイ</t>
    </rPh>
    <phoneticPr fontId="2"/>
  </si>
  <si>
    <t>応援税制に</t>
    <rPh sb="0" eb="2">
      <t>オウエン</t>
    </rPh>
    <rPh sb="2" eb="4">
      <t>ゼイセイ</t>
    </rPh>
    <phoneticPr fontId="2"/>
  </si>
  <si>
    <t>係る寄付金</t>
    <rPh sb="0" eb="1">
      <t>カカ</t>
    </rPh>
    <rPh sb="2" eb="5">
      <t>キフキン</t>
    </rPh>
    <phoneticPr fontId="2"/>
  </si>
  <si>
    <t>その他</t>
    <rPh sb="2" eb="3">
      <t>タ</t>
    </rPh>
    <phoneticPr fontId="2"/>
  </si>
  <si>
    <t>森林環境</t>
    <rPh sb="0" eb="2">
      <t>シンリン</t>
    </rPh>
    <rPh sb="2" eb="4">
      <t>カンキョウ</t>
    </rPh>
    <phoneticPr fontId="2"/>
  </si>
  <si>
    <t>譲与税</t>
    <rPh sb="0" eb="2">
      <t>ジョウヨ</t>
    </rPh>
    <rPh sb="2" eb="3">
      <t>ゼイ</t>
    </rPh>
    <phoneticPr fontId="2"/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交付金</t>
    <rPh sb="0" eb="3">
      <t>コウフキン</t>
    </rPh>
    <phoneticPr fontId="2"/>
  </si>
  <si>
    <t>負担金</t>
    <rPh sb="0" eb="3">
      <t>フタンキン</t>
    </rPh>
    <phoneticPr fontId="2"/>
  </si>
  <si>
    <t>左の内訳</t>
    <rPh sb="0" eb="1">
      <t>ヒダリ</t>
    </rPh>
    <rPh sb="2" eb="4">
      <t>ウチワケ</t>
    </rPh>
    <phoneticPr fontId="2"/>
  </si>
  <si>
    <t>義務教育費</t>
    <rPh sb="0" eb="2">
      <t>ギム</t>
    </rPh>
    <rPh sb="2" eb="5">
      <t>キョウイクヒ</t>
    </rPh>
    <phoneticPr fontId="2"/>
  </si>
  <si>
    <t>法人</t>
    <rPh sb="0" eb="2">
      <t>ホウジン</t>
    </rPh>
    <phoneticPr fontId="2"/>
  </si>
  <si>
    <t>事業税</t>
    <rPh sb="0" eb="3">
      <t>ジギョウゼイ</t>
    </rPh>
    <phoneticPr fontId="2"/>
  </si>
  <si>
    <t>交付金</t>
    <rPh sb="0" eb="3">
      <t>コウフキン</t>
    </rPh>
    <phoneticPr fontId="2"/>
  </si>
  <si>
    <t>新型コロナ</t>
    <rPh sb="0" eb="2">
      <t>シンガタ</t>
    </rPh>
    <phoneticPr fontId="2"/>
  </si>
  <si>
    <t>ウイルス感染症</t>
    <rPh sb="4" eb="7">
      <t>カンセンショウ</t>
    </rPh>
    <phoneticPr fontId="2"/>
  </si>
  <si>
    <t>対応地方創生</t>
    <rPh sb="0" eb="2">
      <t>タイオウ</t>
    </rPh>
    <rPh sb="2" eb="4">
      <t>チホウ</t>
    </rPh>
    <rPh sb="4" eb="6">
      <t>ソウセイ</t>
    </rPh>
    <phoneticPr fontId="2"/>
  </si>
  <si>
    <t>臨時交付金</t>
    <rPh sb="0" eb="2">
      <t>リンジ</t>
    </rPh>
    <rPh sb="2" eb="5">
      <t>コウフキン</t>
    </rPh>
    <phoneticPr fontId="2"/>
  </si>
  <si>
    <t>その他新型</t>
  </si>
  <si>
    <t>コロナウイルス</t>
  </si>
  <si>
    <t>感染症対策</t>
  </si>
  <si>
    <t>関係交付金等</t>
  </si>
  <si>
    <t>新型コロナ</t>
    <rPh sb="0" eb="2">
      <t>シンガタ</t>
    </rPh>
    <phoneticPr fontId="2"/>
  </si>
  <si>
    <t>ウイルス対策</t>
    <rPh sb="4" eb="6">
      <t>タイサク</t>
    </rPh>
    <phoneticPr fontId="2"/>
  </si>
  <si>
    <t>に係るもの</t>
    <rPh sb="1" eb="2">
      <t>カカ</t>
    </rPh>
    <phoneticPr fontId="2"/>
  </si>
  <si>
    <t>相模原市</t>
    <phoneticPr fontId="2"/>
  </si>
  <si>
    <t>小田原市</t>
    <phoneticPr fontId="2"/>
  </si>
  <si>
    <t>伊勢原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市町村計</t>
    <phoneticPr fontId="2"/>
  </si>
  <si>
    <t>子育て世帯等</t>
    <rPh sb="0" eb="2">
      <t>コソダ</t>
    </rPh>
    <rPh sb="3" eb="5">
      <t>セタイ</t>
    </rPh>
    <rPh sb="5" eb="6">
      <t>トウ</t>
    </rPh>
    <phoneticPr fontId="2"/>
  </si>
  <si>
    <t>臨時特別支援</t>
    <rPh sb="0" eb="2">
      <t>リンジ</t>
    </rPh>
    <rPh sb="2" eb="4">
      <t>トクベツ</t>
    </rPh>
    <rPh sb="4" eb="6">
      <t>シエン</t>
    </rPh>
    <phoneticPr fontId="2"/>
  </si>
  <si>
    <t>事業費</t>
    <rPh sb="0" eb="3">
      <t>ジギョウヒ</t>
    </rPh>
    <phoneticPr fontId="2"/>
  </si>
  <si>
    <t>補助金</t>
    <rPh sb="0" eb="3">
      <t>ホジョキン</t>
    </rPh>
    <phoneticPr fontId="2"/>
  </si>
  <si>
    <t>交付金等</t>
    <rPh sb="3" eb="4">
      <t>トウ</t>
    </rPh>
    <phoneticPr fontId="2"/>
  </si>
  <si>
    <t>横浜市</t>
    <phoneticPr fontId="2"/>
  </si>
  <si>
    <t>川崎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海老名市</t>
    <phoneticPr fontId="2"/>
  </si>
  <si>
    <t>座間市</t>
    <phoneticPr fontId="2"/>
  </si>
  <si>
    <t>湯河原町</t>
    <phoneticPr fontId="2"/>
  </si>
  <si>
    <t>愛川町</t>
    <phoneticPr fontId="2"/>
  </si>
  <si>
    <t>清川村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5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vertical="center" shrinkToFit="1"/>
    </xf>
    <xf numFmtId="0" fontId="3" fillId="0" borderId="0" xfId="0" applyNumberFormat="1" applyFont="1" applyAlignment="1">
      <alignment horizontal="center" vertical="center" shrinkToFit="1"/>
    </xf>
    <xf numFmtId="176" fontId="3" fillId="0" borderId="0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0" xfId="0" applyFont="1" applyBorder="1" applyAlignment="1">
      <alignment horizontal="center" vertical="center"/>
    </xf>
    <xf numFmtId="176" fontId="3" fillId="0" borderId="10" xfId="0" applyNumberFormat="1" applyFont="1" applyBorder="1" applyAlignment="1">
      <alignment vertical="center" shrinkToFit="1"/>
    </xf>
    <xf numFmtId="0" fontId="3" fillId="0" borderId="12" xfId="0" applyNumberFormat="1" applyFont="1" applyBorder="1" applyAlignment="1">
      <alignment horizontal="center" vertical="center" shrinkToFit="1"/>
    </xf>
    <xf numFmtId="0" fontId="3" fillId="0" borderId="13" xfId="0" applyNumberFormat="1" applyFont="1" applyBorder="1" applyAlignment="1">
      <alignment horizontal="center" vertical="center" shrinkToFit="1"/>
    </xf>
    <xf numFmtId="0" fontId="3" fillId="0" borderId="14" xfId="0" applyNumberFormat="1" applyFont="1" applyBorder="1" applyAlignment="1">
      <alignment horizontal="center" vertical="center" shrinkToFit="1"/>
    </xf>
    <xf numFmtId="176" fontId="3" fillId="0" borderId="15" xfId="0" applyNumberFormat="1" applyFont="1" applyBorder="1" applyAlignment="1">
      <alignment vertical="center" shrinkToFit="1"/>
    </xf>
    <xf numFmtId="176" fontId="3" fillId="0" borderId="16" xfId="0" applyNumberFormat="1" applyFont="1" applyBorder="1" applyAlignment="1">
      <alignment vertical="center" shrinkToFit="1"/>
    </xf>
    <xf numFmtId="176" fontId="3" fillId="0" borderId="17" xfId="0" applyNumberFormat="1" applyFont="1" applyBorder="1" applyAlignment="1">
      <alignment vertical="center" shrinkToFit="1"/>
    </xf>
    <xf numFmtId="176" fontId="3" fillId="0" borderId="18" xfId="0" applyNumberFormat="1" applyFont="1" applyBorder="1" applyAlignment="1">
      <alignment vertical="center" shrinkToFit="1"/>
    </xf>
    <xf numFmtId="0" fontId="3" fillId="0" borderId="3" xfId="0" applyNumberFormat="1" applyFont="1" applyBorder="1" applyAlignment="1">
      <alignment horizontal="centerContinuous" vertical="center" shrinkToFit="1"/>
    </xf>
    <xf numFmtId="0" fontId="3" fillId="0" borderId="4" xfId="0" applyNumberFormat="1" applyFont="1" applyBorder="1" applyAlignment="1">
      <alignment horizontal="centerContinuous"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2" xfId="0" applyNumberFormat="1" applyFont="1" applyFill="1" applyBorder="1" applyAlignment="1">
      <alignment horizontal="centerContinuous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11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DJ39"/>
  <sheetViews>
    <sheetView tabSelected="1" view="pageBreakPreview" topLeftCell="A28" zoomScaleNormal="100" zoomScaleSheetLayoutView="100" workbookViewId="0">
      <selection activeCell="DM15" sqref="DM15"/>
    </sheetView>
  </sheetViews>
  <sheetFormatPr defaultColWidth="9.19921875" defaultRowHeight="10.8"/>
  <cols>
    <col min="1" max="1" width="14.09765625" style="9" customWidth="1"/>
    <col min="2" max="16384" width="9.19921875" style="10"/>
  </cols>
  <sheetData>
    <row r="1" spans="1:114" s="12" customFormat="1" ht="17.25" customHeight="1">
      <c r="A1" s="1"/>
      <c r="B1" s="1"/>
      <c r="C1" s="1"/>
      <c r="D1" s="2" t="s">
        <v>0</v>
      </c>
      <c r="E1" s="2"/>
      <c r="F1" s="2"/>
      <c r="G1" s="2"/>
      <c r="H1" s="2"/>
      <c r="I1" s="27" t="s">
        <v>0</v>
      </c>
      <c r="J1" s="28"/>
      <c r="K1" s="1"/>
      <c r="L1" s="1"/>
      <c r="M1" s="1"/>
      <c r="N1" s="1"/>
      <c r="O1" s="1"/>
      <c r="P1" s="1"/>
      <c r="Q1" s="1"/>
      <c r="R1" s="1"/>
      <c r="S1" s="1"/>
      <c r="T1" s="1"/>
      <c r="U1" s="20"/>
      <c r="V1" s="1"/>
      <c r="W1" s="31" t="s">
        <v>153</v>
      </c>
      <c r="X1" s="32"/>
      <c r="Y1" s="33"/>
      <c r="Z1" s="1"/>
      <c r="AA1" s="1"/>
      <c r="AB1" s="2" t="s">
        <v>1</v>
      </c>
      <c r="AC1" s="2"/>
      <c r="AD1" s="1"/>
      <c r="AE1" s="31" t="s">
        <v>1</v>
      </c>
      <c r="AF1" s="32"/>
      <c r="AG1" s="32"/>
      <c r="AH1" s="32"/>
      <c r="AI1" s="32"/>
      <c r="AJ1" s="33"/>
      <c r="AK1" s="29" t="s">
        <v>153</v>
      </c>
      <c r="AL1" s="1"/>
      <c r="AM1" s="31" t="s">
        <v>1</v>
      </c>
      <c r="AN1" s="33"/>
      <c r="AO1" s="1"/>
      <c r="AP1" s="31" t="s">
        <v>1</v>
      </c>
      <c r="AQ1" s="33"/>
      <c r="AR1" s="31" t="s">
        <v>153</v>
      </c>
      <c r="AS1" s="32"/>
      <c r="AT1" s="32"/>
      <c r="AU1" s="32"/>
      <c r="AV1" s="32"/>
      <c r="AW1" s="32"/>
      <c r="AX1" s="33"/>
      <c r="AY1" s="31" t="s">
        <v>101</v>
      </c>
      <c r="AZ1" s="32"/>
      <c r="BA1" s="32"/>
      <c r="BB1" s="32"/>
      <c r="BC1" s="32"/>
      <c r="BD1" s="32"/>
      <c r="BE1" s="33"/>
      <c r="BF1" s="34" t="s">
        <v>153</v>
      </c>
      <c r="BG1" s="34"/>
      <c r="BH1" s="34"/>
      <c r="BI1" s="34"/>
      <c r="BJ1" s="34"/>
      <c r="BK1" s="34"/>
      <c r="BL1" s="34"/>
      <c r="BM1" s="11"/>
      <c r="BN1" s="1"/>
      <c r="BO1" s="34" t="s">
        <v>1</v>
      </c>
      <c r="BP1" s="34"/>
      <c r="BQ1" s="34"/>
      <c r="BR1" s="34"/>
      <c r="BS1" s="34"/>
      <c r="BT1" s="31" t="s">
        <v>101</v>
      </c>
      <c r="BU1" s="32"/>
      <c r="BV1" s="32"/>
      <c r="BW1" s="32"/>
      <c r="BX1" s="32"/>
      <c r="BY1" s="32"/>
      <c r="BZ1" s="33"/>
      <c r="CA1" s="31" t="s">
        <v>167</v>
      </c>
      <c r="CB1" s="32"/>
      <c r="CC1" s="32"/>
      <c r="CD1" s="32"/>
      <c r="CE1" s="32"/>
      <c r="CF1" s="32"/>
      <c r="CG1" s="33"/>
      <c r="CH1" s="1"/>
      <c r="CI1" s="31" t="s">
        <v>1</v>
      </c>
      <c r="CJ1" s="32"/>
      <c r="CK1" s="32"/>
      <c r="CL1" s="32"/>
      <c r="CM1" s="33"/>
      <c r="CN1" s="1"/>
      <c r="CO1" s="31" t="s">
        <v>154</v>
      </c>
      <c r="CP1" s="32"/>
      <c r="CQ1" s="33"/>
      <c r="CR1" s="1"/>
      <c r="CS1" s="1"/>
      <c r="CT1" s="2" t="s">
        <v>1</v>
      </c>
      <c r="CU1" s="30"/>
      <c r="CV1" s="1"/>
      <c r="CW1" s="31" t="s">
        <v>1</v>
      </c>
      <c r="CX1" s="32"/>
      <c r="CY1" s="32"/>
      <c r="CZ1" s="32"/>
      <c r="DA1" s="32"/>
      <c r="DB1" s="33"/>
      <c r="DC1" s="31" t="s">
        <v>101</v>
      </c>
      <c r="DD1" s="32"/>
      <c r="DE1" s="32"/>
      <c r="DF1" s="32"/>
      <c r="DG1" s="32"/>
      <c r="DH1" s="33"/>
      <c r="DI1" s="1"/>
      <c r="DJ1" s="1"/>
    </row>
    <row r="2" spans="1:114" s="12" customFormat="1" ht="17.25" customHeight="1">
      <c r="A2" s="3"/>
      <c r="B2" s="3"/>
      <c r="C2" s="3"/>
      <c r="D2" s="3"/>
      <c r="E2" s="3"/>
      <c r="F2" s="3"/>
      <c r="G2" s="3"/>
      <c r="H2" s="3"/>
      <c r="I2" s="3"/>
      <c r="J2" s="3"/>
      <c r="K2" s="3" t="s">
        <v>2</v>
      </c>
      <c r="L2" s="3" t="s">
        <v>3</v>
      </c>
      <c r="M2" s="3" t="s">
        <v>4</v>
      </c>
      <c r="N2" s="3" t="s">
        <v>151</v>
      </c>
      <c r="O2" s="3" t="s">
        <v>5</v>
      </c>
      <c r="P2" s="3" t="s">
        <v>6</v>
      </c>
      <c r="Q2" s="3" t="s">
        <v>102</v>
      </c>
      <c r="R2" s="3" t="s">
        <v>103</v>
      </c>
      <c r="S2" s="3" t="s">
        <v>163</v>
      </c>
      <c r="T2" s="3" t="s">
        <v>169</v>
      </c>
      <c r="U2" s="21" t="s">
        <v>7</v>
      </c>
      <c r="V2" s="3"/>
      <c r="W2" s="1"/>
      <c r="X2" s="20"/>
      <c r="Y2" s="1"/>
      <c r="Z2" s="3" t="s">
        <v>8</v>
      </c>
      <c r="AA2" s="3" t="s">
        <v>9</v>
      </c>
      <c r="AB2" s="3"/>
      <c r="AC2" s="3"/>
      <c r="AD2" s="3"/>
      <c r="AE2" s="3"/>
      <c r="AF2" s="31" t="s">
        <v>1</v>
      </c>
      <c r="AG2" s="32"/>
      <c r="AH2" s="33"/>
      <c r="AI2" s="1"/>
      <c r="AJ2" s="1"/>
      <c r="AK2" s="1"/>
      <c r="AL2" s="3"/>
      <c r="AM2" s="3" t="s">
        <v>10</v>
      </c>
      <c r="AN2" s="1"/>
      <c r="AO2" s="3"/>
      <c r="AP2" s="3"/>
      <c r="AQ2" s="3"/>
      <c r="AR2" s="3"/>
      <c r="AS2" s="3" t="s">
        <v>11</v>
      </c>
      <c r="AT2" s="3"/>
      <c r="AU2" s="3" t="s">
        <v>104</v>
      </c>
      <c r="AV2" s="3" t="s">
        <v>105</v>
      </c>
      <c r="AW2" s="3" t="s">
        <v>106</v>
      </c>
      <c r="AX2" s="3" t="s">
        <v>107</v>
      </c>
      <c r="AY2" s="1"/>
      <c r="AZ2" s="31" t="s">
        <v>1</v>
      </c>
      <c r="BA2" s="32"/>
      <c r="BB2" s="33"/>
      <c r="BC2" s="3"/>
      <c r="BD2" s="1"/>
      <c r="BE2" s="3" t="s">
        <v>12</v>
      </c>
      <c r="BF2" s="1" t="s">
        <v>13</v>
      </c>
      <c r="BG2" s="1"/>
      <c r="BH2" s="1"/>
      <c r="BI2" s="3" t="s">
        <v>172</v>
      </c>
      <c r="BJ2" s="3" t="s">
        <v>200</v>
      </c>
      <c r="BK2" s="3" t="s">
        <v>176</v>
      </c>
      <c r="BL2" s="3"/>
      <c r="BM2" s="3" t="s">
        <v>108</v>
      </c>
      <c r="BN2" s="3" t="s">
        <v>14</v>
      </c>
      <c r="BO2" s="3"/>
      <c r="BP2" s="31" t="s">
        <v>1</v>
      </c>
      <c r="BQ2" s="32"/>
      <c r="BR2" s="32"/>
      <c r="BS2" s="33"/>
      <c r="BT2" s="31" t="s">
        <v>101</v>
      </c>
      <c r="BU2" s="32"/>
      <c r="BV2" s="32"/>
      <c r="BW2" s="32"/>
      <c r="BX2" s="32"/>
      <c r="BY2" s="32"/>
      <c r="BZ2" s="33"/>
      <c r="CA2" s="31" t="s">
        <v>101</v>
      </c>
      <c r="CB2" s="33"/>
      <c r="CC2" s="1"/>
      <c r="CD2" s="31" t="s">
        <v>1</v>
      </c>
      <c r="CE2" s="32"/>
      <c r="CF2" s="32"/>
      <c r="CG2" s="33"/>
      <c r="CH2" s="3"/>
      <c r="CI2" s="1"/>
      <c r="CJ2" s="3"/>
      <c r="CK2" s="2" t="s">
        <v>1</v>
      </c>
      <c r="CL2" s="2"/>
      <c r="CM2" s="2"/>
      <c r="CN2" s="3"/>
      <c r="CO2" s="3"/>
      <c r="CP2" s="3" t="s">
        <v>157</v>
      </c>
      <c r="CQ2" s="3"/>
      <c r="CR2" s="3"/>
      <c r="CS2" s="3"/>
      <c r="CT2" s="1"/>
      <c r="CU2" s="3" t="s">
        <v>15</v>
      </c>
      <c r="CV2" s="3"/>
      <c r="CW2" s="3" t="s">
        <v>16</v>
      </c>
      <c r="CX2" s="3"/>
      <c r="CY2" s="3" t="s">
        <v>17</v>
      </c>
      <c r="CZ2" s="3"/>
      <c r="DA2" s="3"/>
      <c r="DB2" s="29" t="s">
        <v>1</v>
      </c>
      <c r="DC2" s="29" t="s">
        <v>1</v>
      </c>
      <c r="DD2" s="3"/>
      <c r="DE2" s="3"/>
      <c r="DF2" s="31" t="s">
        <v>1</v>
      </c>
      <c r="DG2" s="32"/>
      <c r="DH2" s="33"/>
      <c r="DI2" s="3"/>
      <c r="DJ2" s="3"/>
    </row>
    <row r="3" spans="1:114" s="12" customFormat="1" ht="17.25" customHeight="1">
      <c r="A3" s="3"/>
      <c r="B3" s="3" t="s">
        <v>18</v>
      </c>
      <c r="C3" s="3" t="s">
        <v>19</v>
      </c>
      <c r="D3" s="3" t="s">
        <v>20</v>
      </c>
      <c r="E3" s="3" t="s">
        <v>21</v>
      </c>
      <c r="F3" s="3" t="s">
        <v>22</v>
      </c>
      <c r="G3" s="3" t="s">
        <v>23</v>
      </c>
      <c r="H3" s="3" t="s">
        <v>24</v>
      </c>
      <c r="I3" s="3" t="s">
        <v>25</v>
      </c>
      <c r="J3" s="3" t="s">
        <v>161</v>
      </c>
      <c r="K3" s="3" t="s">
        <v>26</v>
      </c>
      <c r="L3" s="3" t="s">
        <v>27</v>
      </c>
      <c r="M3" s="3" t="s">
        <v>28</v>
      </c>
      <c r="N3" s="3" t="s">
        <v>152</v>
      </c>
      <c r="O3" s="3" t="s">
        <v>29</v>
      </c>
      <c r="P3" s="3" t="s">
        <v>30</v>
      </c>
      <c r="Q3" s="3" t="s">
        <v>109</v>
      </c>
      <c r="R3" s="3" t="s">
        <v>110</v>
      </c>
      <c r="S3" s="3" t="s">
        <v>164</v>
      </c>
      <c r="T3" s="3" t="s">
        <v>170</v>
      </c>
      <c r="U3" s="21" t="s">
        <v>204</v>
      </c>
      <c r="V3" s="3" t="s">
        <v>31</v>
      </c>
      <c r="W3" s="3" t="s">
        <v>32</v>
      </c>
      <c r="X3" s="21" t="s">
        <v>33</v>
      </c>
      <c r="Y3" s="3" t="s">
        <v>34</v>
      </c>
      <c r="Z3" s="3" t="s">
        <v>111</v>
      </c>
      <c r="AA3" s="3" t="s">
        <v>112</v>
      </c>
      <c r="AB3" s="3" t="s">
        <v>35</v>
      </c>
      <c r="AC3" s="3" t="s">
        <v>36</v>
      </c>
      <c r="AD3" s="3" t="s">
        <v>37</v>
      </c>
      <c r="AE3" s="3" t="s">
        <v>38</v>
      </c>
      <c r="AF3" s="1"/>
      <c r="AG3" s="1"/>
      <c r="AH3" s="3"/>
      <c r="AI3" s="3" t="s">
        <v>39</v>
      </c>
      <c r="AJ3" s="3" t="s">
        <v>40</v>
      </c>
      <c r="AK3" s="3" t="s">
        <v>36</v>
      </c>
      <c r="AL3" s="3" t="s">
        <v>41</v>
      </c>
      <c r="AM3" s="3" t="s">
        <v>113</v>
      </c>
      <c r="AN3" s="3" t="s">
        <v>114</v>
      </c>
      <c r="AO3" s="3" t="s">
        <v>42</v>
      </c>
      <c r="AP3" s="3" t="s">
        <v>168</v>
      </c>
      <c r="AQ3" s="3" t="s">
        <v>43</v>
      </c>
      <c r="AR3" s="3" t="s">
        <v>44</v>
      </c>
      <c r="AS3" s="3" t="s">
        <v>115</v>
      </c>
      <c r="AT3" s="3" t="s">
        <v>146</v>
      </c>
      <c r="AU3" s="3" t="s">
        <v>116</v>
      </c>
      <c r="AV3" s="3" t="s">
        <v>117</v>
      </c>
      <c r="AW3" s="3" t="s">
        <v>117</v>
      </c>
      <c r="AX3" s="3" t="s">
        <v>117</v>
      </c>
      <c r="AY3" s="3" t="s">
        <v>45</v>
      </c>
      <c r="AZ3" s="1" t="s">
        <v>46</v>
      </c>
      <c r="BA3" s="3" t="s">
        <v>47</v>
      </c>
      <c r="BB3" s="3"/>
      <c r="BC3" s="3" t="s">
        <v>118</v>
      </c>
      <c r="BD3" s="3" t="s">
        <v>48</v>
      </c>
      <c r="BE3" s="3" t="s">
        <v>119</v>
      </c>
      <c r="BF3" s="3" t="s">
        <v>49</v>
      </c>
      <c r="BG3" s="3" t="s">
        <v>149</v>
      </c>
      <c r="BH3" s="3" t="s">
        <v>50</v>
      </c>
      <c r="BI3" s="3" t="s">
        <v>173</v>
      </c>
      <c r="BJ3" s="3" t="s">
        <v>201</v>
      </c>
      <c r="BK3" s="3" t="s">
        <v>177</v>
      </c>
      <c r="BL3" s="3" t="s">
        <v>36</v>
      </c>
      <c r="BM3" s="3" t="s">
        <v>51</v>
      </c>
      <c r="BN3" s="3" t="s">
        <v>52</v>
      </c>
      <c r="BO3" s="3" t="s">
        <v>120</v>
      </c>
      <c r="BP3" s="3" t="s">
        <v>121</v>
      </c>
      <c r="BQ3" s="1" t="s">
        <v>122</v>
      </c>
      <c r="BR3" s="3" t="s">
        <v>147</v>
      </c>
      <c r="BS3" s="1" t="s">
        <v>123</v>
      </c>
      <c r="BT3" s="3" t="s">
        <v>124</v>
      </c>
      <c r="BU3" s="1"/>
      <c r="BV3" s="31" t="s">
        <v>1</v>
      </c>
      <c r="BW3" s="32"/>
      <c r="BX3" s="33"/>
      <c r="BY3" s="1" t="s">
        <v>53</v>
      </c>
      <c r="BZ3" s="3" t="s">
        <v>54</v>
      </c>
      <c r="CA3" s="3" t="s">
        <v>180</v>
      </c>
      <c r="CB3" s="1"/>
      <c r="CC3" s="3" t="s">
        <v>55</v>
      </c>
      <c r="CD3" s="3" t="s">
        <v>123</v>
      </c>
      <c r="CE3" s="1" t="s">
        <v>124</v>
      </c>
      <c r="CF3" s="3" t="s">
        <v>180</v>
      </c>
      <c r="CG3" s="3"/>
      <c r="CH3" s="3" t="s">
        <v>56</v>
      </c>
      <c r="CI3" s="3" t="s">
        <v>57</v>
      </c>
      <c r="CJ3" s="3" t="s">
        <v>58</v>
      </c>
      <c r="CK3" s="1"/>
      <c r="CL3" s="3"/>
      <c r="CM3" s="1"/>
      <c r="CN3" s="3" t="s">
        <v>59</v>
      </c>
      <c r="CO3" s="3" t="s">
        <v>155</v>
      </c>
      <c r="CP3" s="3" t="s">
        <v>158</v>
      </c>
      <c r="CQ3" s="3" t="s">
        <v>160</v>
      </c>
      <c r="CR3" s="3" t="s">
        <v>60</v>
      </c>
      <c r="CS3" s="3" t="s">
        <v>61</v>
      </c>
      <c r="CT3" s="3" t="s">
        <v>62</v>
      </c>
      <c r="CU3" s="3" t="s">
        <v>63</v>
      </c>
      <c r="CV3" s="3" t="s">
        <v>64</v>
      </c>
      <c r="CW3" s="3" t="s">
        <v>65</v>
      </c>
      <c r="CX3" s="3" t="s">
        <v>66</v>
      </c>
      <c r="CY3" s="3" t="s">
        <v>67</v>
      </c>
      <c r="CZ3" s="3" t="s">
        <v>67</v>
      </c>
      <c r="DA3" s="3" t="s">
        <v>68</v>
      </c>
      <c r="DB3" s="3" t="s">
        <v>35</v>
      </c>
      <c r="DC3" s="1" t="s">
        <v>69</v>
      </c>
      <c r="DD3" s="3" t="s">
        <v>70</v>
      </c>
      <c r="DE3" s="3" t="s">
        <v>71</v>
      </c>
      <c r="DF3" s="1" t="s">
        <v>72</v>
      </c>
      <c r="DG3" s="1" t="s">
        <v>125</v>
      </c>
      <c r="DH3" s="1"/>
      <c r="DI3" s="3" t="s">
        <v>73</v>
      </c>
      <c r="DJ3" s="3" t="s">
        <v>74</v>
      </c>
    </row>
    <row r="4" spans="1:114" s="12" customFormat="1" ht="17.25" customHeight="1">
      <c r="A4" s="3"/>
      <c r="B4" s="3"/>
      <c r="C4" s="3"/>
      <c r="D4" s="3" t="s">
        <v>75</v>
      </c>
      <c r="E4" s="3" t="s">
        <v>76</v>
      </c>
      <c r="F4" s="3" t="s">
        <v>76</v>
      </c>
      <c r="G4" s="3" t="s">
        <v>76</v>
      </c>
      <c r="H4" s="3" t="s">
        <v>76</v>
      </c>
      <c r="I4" s="3" t="s">
        <v>126</v>
      </c>
      <c r="J4" s="3" t="s">
        <v>162</v>
      </c>
      <c r="K4" s="3"/>
      <c r="L4" s="3"/>
      <c r="M4" s="3" t="s">
        <v>26</v>
      </c>
      <c r="N4" s="3" t="s">
        <v>148</v>
      </c>
      <c r="O4" s="3" t="s">
        <v>26</v>
      </c>
      <c r="P4" s="3" t="s">
        <v>26</v>
      </c>
      <c r="Q4" s="3" t="s">
        <v>127</v>
      </c>
      <c r="R4" s="3" t="s">
        <v>127</v>
      </c>
      <c r="S4" s="3" t="s">
        <v>165</v>
      </c>
      <c r="T4" s="3" t="s">
        <v>171</v>
      </c>
      <c r="V4" s="3"/>
      <c r="W4" s="3"/>
      <c r="X4" s="21"/>
      <c r="Y4" s="3" t="s">
        <v>33</v>
      </c>
      <c r="Z4" s="3"/>
      <c r="AA4" s="3"/>
      <c r="AB4" s="3" t="s">
        <v>77</v>
      </c>
      <c r="AC4" s="3"/>
      <c r="AD4" s="3"/>
      <c r="AE4" s="3"/>
      <c r="AF4" s="3" t="s">
        <v>78</v>
      </c>
      <c r="AG4" s="3" t="s">
        <v>79</v>
      </c>
      <c r="AH4" s="3" t="s">
        <v>36</v>
      </c>
      <c r="AI4" s="3" t="s">
        <v>37</v>
      </c>
      <c r="AJ4" s="3" t="s">
        <v>37</v>
      </c>
      <c r="AK4" s="3"/>
      <c r="AL4" s="3"/>
      <c r="AM4" s="3" t="s">
        <v>128</v>
      </c>
      <c r="AN4" s="3" t="s">
        <v>128</v>
      </c>
      <c r="AO4" s="3"/>
      <c r="AP4" s="3" t="s">
        <v>166</v>
      </c>
      <c r="AQ4" s="3" t="s">
        <v>129</v>
      </c>
      <c r="AR4" s="3" t="s">
        <v>129</v>
      </c>
      <c r="AS4" s="3" t="s">
        <v>130</v>
      </c>
      <c r="AT4" s="3" t="s">
        <v>26</v>
      </c>
      <c r="AU4" s="3" t="s">
        <v>131</v>
      </c>
      <c r="AV4" s="3" t="s">
        <v>132</v>
      </c>
      <c r="AW4" s="3" t="s">
        <v>132</v>
      </c>
      <c r="AX4" s="3" t="s">
        <v>132</v>
      </c>
      <c r="AY4" s="3"/>
      <c r="AZ4" s="3" t="s">
        <v>80</v>
      </c>
      <c r="BA4" s="3" t="s">
        <v>80</v>
      </c>
      <c r="BB4" s="3" t="s">
        <v>36</v>
      </c>
      <c r="BC4" s="3"/>
      <c r="BD4" s="3" t="s">
        <v>81</v>
      </c>
      <c r="BE4" s="3" t="s">
        <v>133</v>
      </c>
      <c r="BF4" s="3" t="s">
        <v>134</v>
      </c>
      <c r="BG4" s="3" t="s">
        <v>150</v>
      </c>
      <c r="BH4" s="3" t="s">
        <v>82</v>
      </c>
      <c r="BI4" s="3" t="s">
        <v>174</v>
      </c>
      <c r="BJ4" s="3" t="s">
        <v>202</v>
      </c>
      <c r="BK4" s="3" t="s">
        <v>178</v>
      </c>
      <c r="BL4" s="3"/>
      <c r="BM4" s="3" t="s">
        <v>83</v>
      </c>
      <c r="BN4" s="3"/>
      <c r="BO4" s="3" t="s">
        <v>84</v>
      </c>
      <c r="BP4" s="3" t="s">
        <v>85</v>
      </c>
      <c r="BQ4" s="3" t="s">
        <v>86</v>
      </c>
      <c r="BR4" s="3" t="s">
        <v>148</v>
      </c>
      <c r="BS4" s="3" t="s">
        <v>135</v>
      </c>
      <c r="BT4" s="3" t="s">
        <v>135</v>
      </c>
      <c r="BU4" s="3" t="s">
        <v>45</v>
      </c>
      <c r="BV4" s="3" t="s">
        <v>136</v>
      </c>
      <c r="BW4" s="3" t="s">
        <v>137</v>
      </c>
      <c r="BX4" s="3" t="s">
        <v>138</v>
      </c>
      <c r="BY4" s="3" t="s">
        <v>87</v>
      </c>
      <c r="BZ4" s="3" t="s">
        <v>139</v>
      </c>
      <c r="CA4" s="3" t="s">
        <v>181</v>
      </c>
      <c r="CB4" s="3" t="s">
        <v>36</v>
      </c>
      <c r="CC4" s="3" t="s">
        <v>140</v>
      </c>
      <c r="CD4" s="3" t="s">
        <v>135</v>
      </c>
      <c r="CE4" s="3" t="s">
        <v>88</v>
      </c>
      <c r="CF4" s="3" t="s">
        <v>181</v>
      </c>
      <c r="CG4" s="3" t="s">
        <v>36</v>
      </c>
      <c r="CH4" s="3"/>
      <c r="CI4" s="3" t="s">
        <v>89</v>
      </c>
      <c r="CJ4" s="3" t="s">
        <v>89</v>
      </c>
      <c r="CK4" s="3" t="s">
        <v>90</v>
      </c>
      <c r="CL4" s="3" t="s">
        <v>91</v>
      </c>
      <c r="CM4" s="3" t="s">
        <v>36</v>
      </c>
      <c r="CN4" s="3"/>
      <c r="CO4" s="3" t="s">
        <v>156</v>
      </c>
      <c r="CP4" s="3" t="s">
        <v>159</v>
      </c>
      <c r="CQ4" s="3"/>
      <c r="CR4" s="3"/>
      <c r="CS4" s="3"/>
      <c r="CT4" s="3"/>
      <c r="CU4" s="3" t="s">
        <v>92</v>
      </c>
      <c r="CV4" s="3"/>
      <c r="CW4" s="3" t="s">
        <v>93</v>
      </c>
      <c r="CX4" s="3"/>
      <c r="CY4" s="3" t="s">
        <v>94</v>
      </c>
      <c r="CZ4" s="3" t="s">
        <v>95</v>
      </c>
      <c r="DA4" s="3" t="s">
        <v>89</v>
      </c>
      <c r="DB4" s="3" t="s">
        <v>77</v>
      </c>
      <c r="DC4" s="3" t="s">
        <v>77</v>
      </c>
      <c r="DD4" s="3" t="s">
        <v>89</v>
      </c>
      <c r="DE4" s="3"/>
      <c r="DF4" s="3" t="s">
        <v>96</v>
      </c>
      <c r="DG4" s="3" t="s">
        <v>141</v>
      </c>
      <c r="DH4" s="3" t="s">
        <v>36</v>
      </c>
      <c r="DI4" s="3"/>
      <c r="DJ4" s="3"/>
    </row>
    <row r="5" spans="1:114" s="12" customFormat="1" ht="17.25" customHeight="1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V5" s="4"/>
      <c r="W5" s="4"/>
      <c r="X5" s="22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 t="s">
        <v>142</v>
      </c>
      <c r="AT5" s="4"/>
      <c r="AU5" s="4" t="s">
        <v>134</v>
      </c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 t="s">
        <v>175</v>
      </c>
      <c r="BJ5" s="4" t="s">
        <v>203</v>
      </c>
      <c r="BK5" s="4" t="s">
        <v>179</v>
      </c>
      <c r="BL5" s="4"/>
      <c r="BM5" s="4" t="s">
        <v>97</v>
      </c>
      <c r="BN5" s="4"/>
      <c r="BO5" s="4"/>
      <c r="BP5" s="4" t="s">
        <v>98</v>
      </c>
      <c r="BQ5" s="4" t="s">
        <v>99</v>
      </c>
      <c r="BR5" s="4"/>
      <c r="BS5" s="4" t="s">
        <v>100</v>
      </c>
      <c r="BT5" s="4" t="s">
        <v>100</v>
      </c>
      <c r="BU5" s="4"/>
      <c r="BV5" s="4" t="s">
        <v>143</v>
      </c>
      <c r="BW5" s="4" t="s">
        <v>143</v>
      </c>
      <c r="BX5" s="4"/>
      <c r="BY5" s="4" t="s">
        <v>127</v>
      </c>
      <c r="BZ5" s="4" t="s">
        <v>127</v>
      </c>
      <c r="CA5" s="4" t="s">
        <v>182</v>
      </c>
      <c r="CB5" s="4"/>
      <c r="CC5" s="4"/>
      <c r="CD5" s="4" t="s">
        <v>144</v>
      </c>
      <c r="CE5" s="4" t="s">
        <v>144</v>
      </c>
      <c r="CF5" s="4" t="s">
        <v>182</v>
      </c>
      <c r="CG5" s="4"/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/>
      <c r="CX5" s="4"/>
      <c r="CY5" s="4"/>
      <c r="CZ5" s="4"/>
      <c r="DA5" s="4"/>
      <c r="DB5" s="4"/>
      <c r="DC5" s="4"/>
      <c r="DD5" s="4"/>
      <c r="DE5" s="4"/>
      <c r="DF5" s="4"/>
      <c r="DG5" s="4" t="s">
        <v>145</v>
      </c>
      <c r="DH5" s="4"/>
      <c r="DI5" s="4"/>
      <c r="DJ5" s="4"/>
    </row>
    <row r="6" spans="1:114" ht="17.25" customHeight="1">
      <c r="A6" s="5" t="s">
        <v>205</v>
      </c>
      <c r="B6" s="14">
        <v>838901732</v>
      </c>
      <c r="C6" s="14">
        <v>8329739</v>
      </c>
      <c r="D6" s="14">
        <v>2806485</v>
      </c>
      <c r="E6" s="14">
        <v>0</v>
      </c>
      <c r="F6" s="14">
        <v>948081</v>
      </c>
      <c r="G6" s="14">
        <v>22069</v>
      </c>
      <c r="H6" s="14">
        <v>4247892</v>
      </c>
      <c r="I6" s="14">
        <v>0</v>
      </c>
      <c r="J6" s="14">
        <v>305212</v>
      </c>
      <c r="K6" s="14">
        <v>359495</v>
      </c>
      <c r="L6" s="14">
        <v>5347258</v>
      </c>
      <c r="M6" s="14">
        <v>6797027</v>
      </c>
      <c r="N6" s="14">
        <v>1126797</v>
      </c>
      <c r="O6" s="14">
        <v>84234692</v>
      </c>
      <c r="P6" s="14">
        <v>146740</v>
      </c>
      <c r="Q6" s="14">
        <v>1271</v>
      </c>
      <c r="R6" s="14">
        <v>11680539</v>
      </c>
      <c r="S6" s="14">
        <v>1868559</v>
      </c>
      <c r="T6" s="14">
        <v>8362591</v>
      </c>
      <c r="U6" s="14">
        <v>9517058</v>
      </c>
      <c r="V6" s="14">
        <v>52092786</v>
      </c>
      <c r="W6" s="14">
        <v>50867122</v>
      </c>
      <c r="X6" s="23">
        <v>1223101</v>
      </c>
      <c r="Y6" s="14">
        <v>2563</v>
      </c>
      <c r="Z6" s="14">
        <v>882624</v>
      </c>
      <c r="AA6" s="14">
        <v>26573131</v>
      </c>
      <c r="AB6" s="14">
        <v>54554</v>
      </c>
      <c r="AC6" s="14">
        <v>26518577</v>
      </c>
      <c r="AD6" s="14">
        <v>31751203</v>
      </c>
      <c r="AE6" s="14">
        <v>810647</v>
      </c>
      <c r="AF6" s="14">
        <v>810647</v>
      </c>
      <c r="AG6" s="14">
        <v>0</v>
      </c>
      <c r="AH6" s="14">
        <v>0</v>
      </c>
      <c r="AI6" s="14">
        <v>843743</v>
      </c>
      <c r="AJ6" s="14">
        <v>9696297</v>
      </c>
      <c r="AK6" s="14">
        <v>20400516</v>
      </c>
      <c r="AL6" s="14">
        <v>8825341</v>
      </c>
      <c r="AM6" s="14">
        <v>329456</v>
      </c>
      <c r="AN6" s="14">
        <v>8495885</v>
      </c>
      <c r="AO6" s="14">
        <v>484137620</v>
      </c>
      <c r="AP6" s="14">
        <v>36063801</v>
      </c>
      <c r="AQ6" s="14">
        <v>94719018</v>
      </c>
      <c r="AR6" s="14">
        <v>46725936</v>
      </c>
      <c r="AS6" s="14">
        <v>39400124</v>
      </c>
      <c r="AT6" s="14">
        <v>35260756</v>
      </c>
      <c r="AU6" s="14">
        <v>0</v>
      </c>
      <c r="AV6" s="14">
        <v>27079922</v>
      </c>
      <c r="AW6" s="14">
        <v>0</v>
      </c>
      <c r="AX6" s="14">
        <v>0</v>
      </c>
      <c r="AY6" s="14">
        <v>7065334</v>
      </c>
      <c r="AZ6" s="14">
        <v>0</v>
      </c>
      <c r="BA6" s="14">
        <v>0</v>
      </c>
      <c r="BB6" s="14">
        <v>7065334</v>
      </c>
      <c r="BC6" s="14">
        <v>0</v>
      </c>
      <c r="BD6" s="14">
        <v>6331291</v>
      </c>
      <c r="BE6" s="14">
        <v>0</v>
      </c>
      <c r="BF6" s="14">
        <v>0</v>
      </c>
      <c r="BG6" s="14">
        <v>136833</v>
      </c>
      <c r="BH6" s="14">
        <v>0</v>
      </c>
      <c r="BI6" s="14">
        <v>16712257</v>
      </c>
      <c r="BJ6" s="14">
        <v>46466778</v>
      </c>
      <c r="BK6" s="14">
        <v>72202238</v>
      </c>
      <c r="BL6" s="14">
        <v>55973332</v>
      </c>
      <c r="BM6" s="14">
        <v>484857</v>
      </c>
      <c r="BN6" s="14">
        <v>93547729</v>
      </c>
      <c r="BO6" s="14">
        <v>50188314</v>
      </c>
      <c r="BP6" s="14">
        <v>19996270</v>
      </c>
      <c r="BQ6" s="14">
        <v>17341324</v>
      </c>
      <c r="BR6" s="14">
        <v>7725017</v>
      </c>
      <c r="BS6" s="14">
        <v>0</v>
      </c>
      <c r="BT6" s="14">
        <v>0</v>
      </c>
      <c r="BU6" s="14">
        <v>113254</v>
      </c>
      <c r="BV6" s="14">
        <v>0</v>
      </c>
      <c r="BW6" s="14">
        <v>0</v>
      </c>
      <c r="BX6" s="14">
        <v>113254</v>
      </c>
      <c r="BY6" s="14">
        <v>0</v>
      </c>
      <c r="BZ6" s="14">
        <v>115971</v>
      </c>
      <c r="CA6" s="14">
        <v>3929528</v>
      </c>
      <c r="CB6" s="14">
        <v>966950</v>
      </c>
      <c r="CC6" s="14">
        <v>43359415</v>
      </c>
      <c r="CD6" s="14">
        <v>1935273</v>
      </c>
      <c r="CE6" s="14">
        <v>0</v>
      </c>
      <c r="CF6" s="14">
        <v>1502805</v>
      </c>
      <c r="CG6" s="14">
        <v>39921337</v>
      </c>
      <c r="CH6" s="14">
        <v>60609319</v>
      </c>
      <c r="CI6" s="14">
        <v>6524267</v>
      </c>
      <c r="CJ6" s="14">
        <v>54085052</v>
      </c>
      <c r="CK6" s="14">
        <v>11431400</v>
      </c>
      <c r="CL6" s="14">
        <v>0</v>
      </c>
      <c r="CM6" s="14">
        <v>42653652</v>
      </c>
      <c r="CN6" s="14">
        <v>1222591</v>
      </c>
      <c r="CO6" s="14">
        <v>76289</v>
      </c>
      <c r="CP6" s="14">
        <v>0</v>
      </c>
      <c r="CQ6" s="14">
        <v>1146302</v>
      </c>
      <c r="CR6" s="14">
        <v>56364295</v>
      </c>
      <c r="CS6" s="14">
        <v>18706931</v>
      </c>
      <c r="CT6" s="14">
        <v>4038309</v>
      </c>
      <c r="CU6" s="14">
        <v>14668622</v>
      </c>
      <c r="CV6" s="14">
        <v>250153765</v>
      </c>
      <c r="CW6" s="14">
        <v>302491</v>
      </c>
      <c r="CX6" s="14">
        <v>1095</v>
      </c>
      <c r="CY6" s="14">
        <v>0</v>
      </c>
      <c r="CZ6" s="14">
        <v>229246683</v>
      </c>
      <c r="DA6" s="14">
        <v>0</v>
      </c>
      <c r="DB6" s="14">
        <v>0</v>
      </c>
      <c r="DC6" s="14">
        <v>0</v>
      </c>
      <c r="DD6" s="14">
        <v>8405837</v>
      </c>
      <c r="DE6" s="14">
        <v>12197659</v>
      </c>
      <c r="DF6" s="14">
        <v>0</v>
      </c>
      <c r="DG6" s="14">
        <v>0</v>
      </c>
      <c r="DH6" s="14">
        <v>12197659</v>
      </c>
      <c r="DI6" s="14">
        <v>168264820</v>
      </c>
      <c r="DJ6" s="14">
        <v>2230290510</v>
      </c>
    </row>
    <row r="7" spans="1:114" s="13" customFormat="1" ht="17.25" customHeight="1">
      <c r="A7" s="6" t="s">
        <v>206</v>
      </c>
      <c r="B7" s="15">
        <v>364605509</v>
      </c>
      <c r="C7" s="15">
        <v>3074336</v>
      </c>
      <c r="D7" s="15">
        <v>732760</v>
      </c>
      <c r="E7" s="15">
        <v>0</v>
      </c>
      <c r="F7" s="15">
        <v>584001</v>
      </c>
      <c r="G7" s="15">
        <v>8241</v>
      </c>
      <c r="H7" s="15">
        <v>1625619</v>
      </c>
      <c r="I7" s="15">
        <v>0</v>
      </c>
      <c r="J7" s="15">
        <v>123715</v>
      </c>
      <c r="K7" s="15">
        <v>154130</v>
      </c>
      <c r="L7" s="15">
        <v>2304241</v>
      </c>
      <c r="M7" s="15">
        <v>2940102</v>
      </c>
      <c r="N7" s="15">
        <v>403007</v>
      </c>
      <c r="O7" s="15">
        <v>33062714</v>
      </c>
      <c r="P7" s="15">
        <v>33917</v>
      </c>
      <c r="Q7" s="15">
        <v>0</v>
      </c>
      <c r="R7" s="15">
        <v>3726586</v>
      </c>
      <c r="S7" s="15">
        <v>719855</v>
      </c>
      <c r="T7" s="15">
        <v>2943778</v>
      </c>
      <c r="U7" s="15">
        <v>3352715</v>
      </c>
      <c r="V7" s="15">
        <v>3732290</v>
      </c>
      <c r="W7" s="15">
        <v>3088254</v>
      </c>
      <c r="X7" s="24">
        <v>643366</v>
      </c>
      <c r="Y7" s="15">
        <v>670</v>
      </c>
      <c r="Z7" s="15">
        <v>331064</v>
      </c>
      <c r="AA7" s="15">
        <v>10876186</v>
      </c>
      <c r="AB7" s="15">
        <v>26079</v>
      </c>
      <c r="AC7" s="15">
        <v>10850107</v>
      </c>
      <c r="AD7" s="15">
        <v>12278638</v>
      </c>
      <c r="AE7" s="15">
        <v>525062</v>
      </c>
      <c r="AF7" s="15">
        <v>448622</v>
      </c>
      <c r="AG7" s="15">
        <v>0</v>
      </c>
      <c r="AH7" s="15">
        <v>76440</v>
      </c>
      <c r="AI7" s="15">
        <v>369101</v>
      </c>
      <c r="AJ7" s="15">
        <v>5017395</v>
      </c>
      <c r="AK7" s="15">
        <v>6367080</v>
      </c>
      <c r="AL7" s="15">
        <v>3713472</v>
      </c>
      <c r="AM7" s="15">
        <v>155422</v>
      </c>
      <c r="AN7" s="15">
        <v>3558050</v>
      </c>
      <c r="AO7" s="15">
        <v>203067438</v>
      </c>
      <c r="AP7" s="15">
        <v>14023915</v>
      </c>
      <c r="AQ7" s="15">
        <v>42543919</v>
      </c>
      <c r="AR7" s="15">
        <v>26903874</v>
      </c>
      <c r="AS7" s="15">
        <v>10349841</v>
      </c>
      <c r="AT7" s="15">
        <v>15456682</v>
      </c>
      <c r="AU7" s="15">
        <v>0</v>
      </c>
      <c r="AV7" s="15">
        <v>11447172</v>
      </c>
      <c r="AW7" s="15">
        <v>8650</v>
      </c>
      <c r="AX7" s="15">
        <v>0</v>
      </c>
      <c r="AY7" s="15">
        <v>459171</v>
      </c>
      <c r="AZ7" s="15">
        <v>0</v>
      </c>
      <c r="BA7" s="15">
        <v>0</v>
      </c>
      <c r="BB7" s="15">
        <v>459171</v>
      </c>
      <c r="BC7" s="15">
        <v>0</v>
      </c>
      <c r="BD7" s="15">
        <v>6798913</v>
      </c>
      <c r="BE7" s="15">
        <v>0</v>
      </c>
      <c r="BF7" s="15">
        <v>0</v>
      </c>
      <c r="BG7" s="15">
        <v>107206</v>
      </c>
      <c r="BH7" s="15">
        <v>0</v>
      </c>
      <c r="BI7" s="15">
        <v>5478839</v>
      </c>
      <c r="BJ7" s="15">
        <v>17179291</v>
      </c>
      <c r="BK7" s="15">
        <v>35594365</v>
      </c>
      <c r="BL7" s="15">
        <v>16715600</v>
      </c>
      <c r="BM7" s="15">
        <v>0</v>
      </c>
      <c r="BN7" s="15">
        <v>37224694</v>
      </c>
      <c r="BO7" s="15">
        <v>31273315</v>
      </c>
      <c r="BP7" s="15">
        <v>10255780</v>
      </c>
      <c r="BQ7" s="15">
        <v>5682694</v>
      </c>
      <c r="BR7" s="15">
        <v>3295214</v>
      </c>
      <c r="BS7" s="15">
        <v>1070613</v>
      </c>
      <c r="BT7" s="15">
        <v>0</v>
      </c>
      <c r="BU7" s="15">
        <v>526626</v>
      </c>
      <c r="BV7" s="15">
        <v>0</v>
      </c>
      <c r="BW7" s="15">
        <v>0</v>
      </c>
      <c r="BX7" s="15">
        <v>526626</v>
      </c>
      <c r="BY7" s="15">
        <v>0</v>
      </c>
      <c r="BZ7" s="15">
        <v>0</v>
      </c>
      <c r="CA7" s="15">
        <v>2403079</v>
      </c>
      <c r="CB7" s="15">
        <v>8039309</v>
      </c>
      <c r="CC7" s="15">
        <v>5951379</v>
      </c>
      <c r="CD7" s="15">
        <v>289090</v>
      </c>
      <c r="CE7" s="15">
        <v>0</v>
      </c>
      <c r="CF7" s="15">
        <v>1198458</v>
      </c>
      <c r="CG7" s="15">
        <v>4463831</v>
      </c>
      <c r="CH7" s="15">
        <v>9203486</v>
      </c>
      <c r="CI7" s="15">
        <v>2692812</v>
      </c>
      <c r="CJ7" s="15">
        <v>6510674</v>
      </c>
      <c r="CK7" s="15">
        <v>243298</v>
      </c>
      <c r="CL7" s="15">
        <v>0</v>
      </c>
      <c r="CM7" s="15">
        <v>6267376</v>
      </c>
      <c r="CN7" s="15">
        <v>1194873</v>
      </c>
      <c r="CO7" s="15">
        <v>926317</v>
      </c>
      <c r="CP7" s="15">
        <v>0</v>
      </c>
      <c r="CQ7" s="15">
        <v>268556</v>
      </c>
      <c r="CR7" s="15">
        <v>2913991</v>
      </c>
      <c r="CS7" s="15">
        <v>3872322</v>
      </c>
      <c r="CT7" s="15">
        <v>447861</v>
      </c>
      <c r="CU7" s="15">
        <v>3424461</v>
      </c>
      <c r="CV7" s="15">
        <v>32786708</v>
      </c>
      <c r="CW7" s="15">
        <v>169041</v>
      </c>
      <c r="CX7" s="15">
        <v>649</v>
      </c>
      <c r="CY7" s="15">
        <v>0</v>
      </c>
      <c r="CZ7" s="15">
        <v>20537772</v>
      </c>
      <c r="DA7" s="15">
        <v>475965</v>
      </c>
      <c r="DB7" s="15">
        <v>0</v>
      </c>
      <c r="DC7" s="15">
        <v>475965</v>
      </c>
      <c r="DD7" s="15">
        <v>4468510</v>
      </c>
      <c r="DE7" s="15">
        <v>7134771</v>
      </c>
      <c r="DF7" s="15">
        <v>0</v>
      </c>
      <c r="DG7" s="15">
        <v>0</v>
      </c>
      <c r="DH7" s="15">
        <v>7134771</v>
      </c>
      <c r="DI7" s="15">
        <v>56857500</v>
      </c>
      <c r="DJ7" s="15">
        <v>795373552</v>
      </c>
    </row>
    <row r="8" spans="1:114" ht="17.25" customHeight="1">
      <c r="A8" s="18" t="s">
        <v>183</v>
      </c>
      <c r="B8" s="19">
        <v>129575345</v>
      </c>
      <c r="C8" s="19">
        <v>1742078</v>
      </c>
      <c r="D8" s="19">
        <v>697226</v>
      </c>
      <c r="E8" s="19">
        <v>0</v>
      </c>
      <c r="F8" s="19">
        <v>0</v>
      </c>
      <c r="G8" s="19">
        <v>17817</v>
      </c>
      <c r="H8" s="19">
        <v>952274</v>
      </c>
      <c r="I8" s="19">
        <v>0</v>
      </c>
      <c r="J8" s="19">
        <v>74761</v>
      </c>
      <c r="K8" s="19">
        <v>55091</v>
      </c>
      <c r="L8" s="19">
        <v>820426</v>
      </c>
      <c r="M8" s="19">
        <v>1043778</v>
      </c>
      <c r="N8" s="19">
        <v>140228</v>
      </c>
      <c r="O8" s="19">
        <v>15787089</v>
      </c>
      <c r="P8" s="19">
        <v>158959</v>
      </c>
      <c r="Q8" s="19">
        <v>91</v>
      </c>
      <c r="R8" s="19">
        <v>3124406</v>
      </c>
      <c r="S8" s="19">
        <v>457929</v>
      </c>
      <c r="T8" s="19">
        <v>1074508</v>
      </c>
      <c r="U8" s="19">
        <v>1806642</v>
      </c>
      <c r="V8" s="19">
        <v>24545286</v>
      </c>
      <c r="W8" s="19">
        <v>23495502</v>
      </c>
      <c r="X8" s="25">
        <v>1049642</v>
      </c>
      <c r="Y8" s="19">
        <v>142</v>
      </c>
      <c r="Z8" s="19">
        <v>213597</v>
      </c>
      <c r="AA8" s="19">
        <v>776082</v>
      </c>
      <c r="AB8" s="19">
        <v>26212</v>
      </c>
      <c r="AC8" s="19">
        <v>749870</v>
      </c>
      <c r="AD8" s="19">
        <v>3097468</v>
      </c>
      <c r="AE8" s="19">
        <v>121</v>
      </c>
      <c r="AF8" s="19">
        <v>0</v>
      </c>
      <c r="AG8" s="19">
        <v>121</v>
      </c>
      <c r="AH8" s="19">
        <v>0</v>
      </c>
      <c r="AI8" s="19">
        <v>202247</v>
      </c>
      <c r="AJ8" s="19">
        <v>885525</v>
      </c>
      <c r="AK8" s="19">
        <v>2009575</v>
      </c>
      <c r="AL8" s="19">
        <v>2017939</v>
      </c>
      <c r="AM8" s="19">
        <v>106913</v>
      </c>
      <c r="AN8" s="19">
        <v>1911026</v>
      </c>
      <c r="AO8" s="19">
        <v>89621341</v>
      </c>
      <c r="AP8" s="19">
        <v>6874043</v>
      </c>
      <c r="AQ8" s="19">
        <v>17726366</v>
      </c>
      <c r="AR8" s="19">
        <v>12696637</v>
      </c>
      <c r="AS8" s="19">
        <v>8521127</v>
      </c>
      <c r="AT8" s="19">
        <v>6922609</v>
      </c>
      <c r="AU8" s="19">
        <v>0</v>
      </c>
      <c r="AV8" s="19">
        <v>262098</v>
      </c>
      <c r="AW8" s="19">
        <v>453317</v>
      </c>
      <c r="AX8" s="19">
        <v>0</v>
      </c>
      <c r="AY8" s="19">
        <v>467407</v>
      </c>
      <c r="AZ8" s="19">
        <v>0</v>
      </c>
      <c r="BA8" s="19">
        <v>0</v>
      </c>
      <c r="BB8" s="19">
        <v>467407</v>
      </c>
      <c r="BC8" s="19">
        <v>0</v>
      </c>
      <c r="BD8" s="19">
        <v>2700324</v>
      </c>
      <c r="BE8" s="19">
        <v>80403</v>
      </c>
      <c r="BF8" s="19">
        <v>0</v>
      </c>
      <c r="BG8" s="19">
        <v>0</v>
      </c>
      <c r="BH8" s="19">
        <v>0</v>
      </c>
      <c r="BI8" s="19">
        <v>3875917</v>
      </c>
      <c r="BJ8" s="19">
        <v>10208356</v>
      </c>
      <c r="BK8" s="19">
        <v>12706581</v>
      </c>
      <c r="BL8" s="19">
        <v>6126156</v>
      </c>
      <c r="BM8" s="19">
        <v>1302150</v>
      </c>
      <c r="BN8" s="19">
        <v>18901634</v>
      </c>
      <c r="BO8" s="19">
        <v>12970305</v>
      </c>
      <c r="BP8" s="19">
        <v>4701820</v>
      </c>
      <c r="BQ8" s="19">
        <v>3812174</v>
      </c>
      <c r="BR8" s="19">
        <v>1511917</v>
      </c>
      <c r="BS8" s="19">
        <v>51597</v>
      </c>
      <c r="BT8" s="19">
        <v>0</v>
      </c>
      <c r="BU8" s="19">
        <v>236738</v>
      </c>
      <c r="BV8" s="19">
        <v>0</v>
      </c>
      <c r="BW8" s="19">
        <v>0</v>
      </c>
      <c r="BX8" s="19">
        <v>236738</v>
      </c>
      <c r="BY8" s="19">
        <v>0</v>
      </c>
      <c r="BZ8" s="19">
        <v>0</v>
      </c>
      <c r="CA8" s="19">
        <v>1344173</v>
      </c>
      <c r="CB8" s="19">
        <v>1311886</v>
      </c>
      <c r="CC8" s="19">
        <v>5931329</v>
      </c>
      <c r="CD8" s="19">
        <v>330606</v>
      </c>
      <c r="CE8" s="19">
        <v>0</v>
      </c>
      <c r="CF8" s="19">
        <v>0</v>
      </c>
      <c r="CG8" s="19">
        <v>5600723</v>
      </c>
      <c r="CH8" s="19">
        <v>1005312</v>
      </c>
      <c r="CI8" s="19">
        <v>153166</v>
      </c>
      <c r="CJ8" s="19">
        <v>852146</v>
      </c>
      <c r="CK8" s="19">
        <v>658663</v>
      </c>
      <c r="CL8" s="19">
        <v>0</v>
      </c>
      <c r="CM8" s="19">
        <v>193483</v>
      </c>
      <c r="CN8" s="19">
        <v>957428</v>
      </c>
      <c r="CO8" s="19">
        <v>911848</v>
      </c>
      <c r="CP8" s="19">
        <v>2200</v>
      </c>
      <c r="CQ8" s="19">
        <v>43380</v>
      </c>
      <c r="CR8" s="19">
        <v>1109022</v>
      </c>
      <c r="CS8" s="19">
        <v>6164317</v>
      </c>
      <c r="CT8" s="19">
        <v>4989124</v>
      </c>
      <c r="CU8" s="19">
        <v>1175193</v>
      </c>
      <c r="CV8" s="19">
        <v>11221498</v>
      </c>
      <c r="CW8" s="19">
        <v>198978</v>
      </c>
      <c r="CX8" s="19">
        <v>239</v>
      </c>
      <c r="CY8" s="19">
        <v>0</v>
      </c>
      <c r="CZ8" s="19">
        <v>7068626</v>
      </c>
      <c r="DA8" s="19">
        <v>365063</v>
      </c>
      <c r="DB8" s="19">
        <v>1587</v>
      </c>
      <c r="DC8" s="19">
        <v>363476</v>
      </c>
      <c r="DD8" s="19">
        <v>1190254</v>
      </c>
      <c r="DE8" s="19">
        <v>2398338</v>
      </c>
      <c r="DF8" s="19">
        <v>0</v>
      </c>
      <c r="DG8" s="19">
        <v>0</v>
      </c>
      <c r="DH8" s="19">
        <v>2398338</v>
      </c>
      <c r="DI8" s="19">
        <v>26521800</v>
      </c>
      <c r="DJ8" s="19">
        <v>343241444</v>
      </c>
    </row>
    <row r="9" spans="1:114" ht="17.25" customHeight="1">
      <c r="A9" s="6" t="s">
        <v>207</v>
      </c>
      <c r="B9" s="15">
        <v>57302300</v>
      </c>
      <c r="C9" s="15">
        <v>725044</v>
      </c>
      <c r="D9" s="15">
        <v>175176</v>
      </c>
      <c r="E9" s="15">
        <v>0</v>
      </c>
      <c r="F9" s="15">
        <v>16573</v>
      </c>
      <c r="G9" s="15">
        <v>0</v>
      </c>
      <c r="H9" s="15">
        <v>500854</v>
      </c>
      <c r="I9" s="15">
        <v>0</v>
      </c>
      <c r="J9" s="15">
        <v>32441</v>
      </c>
      <c r="K9" s="15">
        <v>28098</v>
      </c>
      <c r="L9" s="15">
        <v>417641</v>
      </c>
      <c r="M9" s="15">
        <v>530570</v>
      </c>
      <c r="N9" s="15">
        <v>0</v>
      </c>
      <c r="O9" s="15">
        <v>8797091</v>
      </c>
      <c r="P9" s="15">
        <v>19279</v>
      </c>
      <c r="Q9" s="15">
        <v>1</v>
      </c>
      <c r="R9" s="15">
        <v>0</v>
      </c>
      <c r="S9" s="15">
        <v>130860</v>
      </c>
      <c r="T9" s="15">
        <v>680074</v>
      </c>
      <c r="U9" s="15">
        <v>778160</v>
      </c>
      <c r="V9" s="15">
        <v>17073873</v>
      </c>
      <c r="W9" s="15">
        <v>16026342</v>
      </c>
      <c r="X9" s="24">
        <v>1047485</v>
      </c>
      <c r="Y9" s="15">
        <v>46</v>
      </c>
      <c r="Z9" s="15">
        <v>49689</v>
      </c>
      <c r="AA9" s="15">
        <v>1021844</v>
      </c>
      <c r="AB9" s="15">
        <v>726794</v>
      </c>
      <c r="AC9" s="15">
        <v>295050</v>
      </c>
      <c r="AD9" s="15">
        <v>2971453</v>
      </c>
      <c r="AE9" s="15">
        <v>138218</v>
      </c>
      <c r="AF9" s="15">
        <v>120939</v>
      </c>
      <c r="AG9" s="15">
        <v>104</v>
      </c>
      <c r="AH9" s="15">
        <v>17175</v>
      </c>
      <c r="AI9" s="15">
        <v>74748</v>
      </c>
      <c r="AJ9" s="15">
        <v>1044229</v>
      </c>
      <c r="AK9" s="15">
        <v>1714258</v>
      </c>
      <c r="AL9" s="15">
        <v>911232</v>
      </c>
      <c r="AM9" s="15">
        <v>5759</v>
      </c>
      <c r="AN9" s="15">
        <v>905473</v>
      </c>
      <c r="AO9" s="15">
        <v>47517679</v>
      </c>
      <c r="AP9" s="15">
        <v>0</v>
      </c>
      <c r="AQ9" s="15">
        <v>6843466</v>
      </c>
      <c r="AR9" s="15">
        <v>2447011</v>
      </c>
      <c r="AS9" s="15">
        <v>3636757</v>
      </c>
      <c r="AT9" s="15">
        <v>3090649</v>
      </c>
      <c r="AU9" s="15">
        <v>0</v>
      </c>
      <c r="AV9" s="15">
        <v>2499970</v>
      </c>
      <c r="AW9" s="15">
        <v>0</v>
      </c>
      <c r="AX9" s="15">
        <v>0</v>
      </c>
      <c r="AY9" s="15">
        <v>129163</v>
      </c>
      <c r="AZ9" s="15">
        <v>0</v>
      </c>
      <c r="BA9" s="15">
        <v>0</v>
      </c>
      <c r="BB9" s="15">
        <v>129163</v>
      </c>
      <c r="BC9" s="15">
        <v>0</v>
      </c>
      <c r="BD9" s="15">
        <v>1522258</v>
      </c>
      <c r="BE9" s="15">
        <v>416115</v>
      </c>
      <c r="BF9" s="15">
        <v>0</v>
      </c>
      <c r="BG9" s="15">
        <v>45145</v>
      </c>
      <c r="BH9" s="15">
        <v>0</v>
      </c>
      <c r="BI9" s="15">
        <v>2787614</v>
      </c>
      <c r="BJ9" s="15">
        <v>5455279</v>
      </c>
      <c r="BK9" s="15">
        <v>11900383</v>
      </c>
      <c r="BL9" s="15">
        <v>6743869</v>
      </c>
      <c r="BM9" s="15">
        <v>2306563</v>
      </c>
      <c r="BN9" s="15">
        <v>10107009</v>
      </c>
      <c r="BO9" s="15">
        <v>6766605</v>
      </c>
      <c r="BP9" s="15">
        <v>1368149</v>
      </c>
      <c r="BQ9" s="15">
        <v>1804173</v>
      </c>
      <c r="BR9" s="15">
        <v>693263</v>
      </c>
      <c r="BS9" s="15">
        <v>360724</v>
      </c>
      <c r="BT9" s="15">
        <v>0</v>
      </c>
      <c r="BU9" s="15">
        <v>143515</v>
      </c>
      <c r="BV9" s="15">
        <v>0</v>
      </c>
      <c r="BW9" s="15">
        <v>0</v>
      </c>
      <c r="BX9" s="15">
        <v>143515</v>
      </c>
      <c r="BY9" s="15">
        <v>0</v>
      </c>
      <c r="BZ9" s="15">
        <v>8019</v>
      </c>
      <c r="CA9" s="15">
        <v>533454</v>
      </c>
      <c r="CB9" s="15">
        <v>1855308</v>
      </c>
      <c r="CC9" s="15">
        <v>3340404</v>
      </c>
      <c r="CD9" s="15">
        <v>0</v>
      </c>
      <c r="CE9" s="15">
        <v>0</v>
      </c>
      <c r="CF9" s="15">
        <v>0</v>
      </c>
      <c r="CG9" s="15">
        <v>3340404</v>
      </c>
      <c r="CH9" s="15">
        <v>537790</v>
      </c>
      <c r="CI9" s="15">
        <v>180376</v>
      </c>
      <c r="CJ9" s="15">
        <v>357414</v>
      </c>
      <c r="CK9" s="15">
        <v>202840</v>
      </c>
      <c r="CL9" s="15">
        <v>0</v>
      </c>
      <c r="CM9" s="15">
        <v>154574</v>
      </c>
      <c r="CN9" s="15">
        <v>563090</v>
      </c>
      <c r="CO9" s="15">
        <v>286402</v>
      </c>
      <c r="CP9" s="15">
        <v>0</v>
      </c>
      <c r="CQ9" s="15">
        <v>276688</v>
      </c>
      <c r="CR9" s="15">
        <v>1600992</v>
      </c>
      <c r="CS9" s="15">
        <v>2627583</v>
      </c>
      <c r="CT9" s="15">
        <v>1141757</v>
      </c>
      <c r="CU9" s="15">
        <v>1485826</v>
      </c>
      <c r="CV9" s="15">
        <v>5347998</v>
      </c>
      <c r="CW9" s="15">
        <v>108893</v>
      </c>
      <c r="CX9" s="15">
        <v>6</v>
      </c>
      <c r="CY9" s="15">
        <v>0</v>
      </c>
      <c r="CZ9" s="15">
        <v>1879985</v>
      </c>
      <c r="DA9" s="15">
        <v>138920</v>
      </c>
      <c r="DB9" s="15">
        <v>138920</v>
      </c>
      <c r="DC9" s="15">
        <v>0</v>
      </c>
      <c r="DD9" s="15">
        <v>0</v>
      </c>
      <c r="DE9" s="15">
        <v>3220194</v>
      </c>
      <c r="DF9" s="15">
        <v>0</v>
      </c>
      <c r="DG9" s="15">
        <v>0</v>
      </c>
      <c r="DH9" s="15">
        <v>3220194</v>
      </c>
      <c r="DI9" s="15">
        <v>21636065</v>
      </c>
      <c r="DJ9" s="15">
        <v>183681978</v>
      </c>
    </row>
    <row r="10" spans="1:114" s="13" customFormat="1" ht="17.25" customHeight="1">
      <c r="A10" s="6" t="s">
        <v>208</v>
      </c>
      <c r="B10" s="15">
        <v>42692869</v>
      </c>
      <c r="C10" s="15">
        <v>518715</v>
      </c>
      <c r="D10" s="15">
        <v>128347</v>
      </c>
      <c r="E10" s="15">
        <v>0</v>
      </c>
      <c r="F10" s="15">
        <v>0</v>
      </c>
      <c r="G10" s="15">
        <v>0</v>
      </c>
      <c r="H10" s="15">
        <v>366962</v>
      </c>
      <c r="I10" s="15">
        <v>0</v>
      </c>
      <c r="J10" s="15">
        <v>23406</v>
      </c>
      <c r="K10" s="15">
        <v>18893</v>
      </c>
      <c r="L10" s="15">
        <v>281407</v>
      </c>
      <c r="M10" s="15">
        <v>358046</v>
      </c>
      <c r="N10" s="15">
        <v>0</v>
      </c>
      <c r="O10" s="15">
        <v>5862127</v>
      </c>
      <c r="P10" s="15">
        <v>40386</v>
      </c>
      <c r="Q10" s="15">
        <v>0</v>
      </c>
      <c r="R10" s="15">
        <v>0</v>
      </c>
      <c r="S10" s="15">
        <v>96058</v>
      </c>
      <c r="T10" s="15">
        <v>554804</v>
      </c>
      <c r="U10" s="15">
        <v>543501</v>
      </c>
      <c r="V10" s="15">
        <v>2840935</v>
      </c>
      <c r="W10" s="15">
        <v>2552641</v>
      </c>
      <c r="X10" s="24">
        <v>288256</v>
      </c>
      <c r="Y10" s="15">
        <v>38</v>
      </c>
      <c r="Z10" s="15">
        <v>36162</v>
      </c>
      <c r="AA10" s="15">
        <v>684636</v>
      </c>
      <c r="AB10" s="15">
        <v>246681</v>
      </c>
      <c r="AC10" s="15">
        <v>437955</v>
      </c>
      <c r="AD10" s="15">
        <v>931977</v>
      </c>
      <c r="AE10" s="15">
        <v>174</v>
      </c>
      <c r="AF10" s="15">
        <v>0</v>
      </c>
      <c r="AG10" s="15">
        <v>174</v>
      </c>
      <c r="AH10" s="15">
        <v>0</v>
      </c>
      <c r="AI10" s="15">
        <v>78525</v>
      </c>
      <c r="AJ10" s="15">
        <v>307602</v>
      </c>
      <c r="AK10" s="15">
        <v>545676</v>
      </c>
      <c r="AL10" s="15">
        <v>660040</v>
      </c>
      <c r="AM10" s="15">
        <v>28367</v>
      </c>
      <c r="AN10" s="15">
        <v>631673</v>
      </c>
      <c r="AO10" s="15">
        <v>24954672</v>
      </c>
      <c r="AP10" s="15">
        <v>0</v>
      </c>
      <c r="AQ10" s="15">
        <v>4875587</v>
      </c>
      <c r="AR10" s="15">
        <v>2949435</v>
      </c>
      <c r="AS10" s="15">
        <v>2471774</v>
      </c>
      <c r="AT10" s="15">
        <v>2452643</v>
      </c>
      <c r="AU10" s="15">
        <v>0</v>
      </c>
      <c r="AV10" s="15">
        <v>263944</v>
      </c>
      <c r="AW10" s="15">
        <v>0</v>
      </c>
      <c r="AX10" s="15">
        <v>0</v>
      </c>
      <c r="AY10" s="15">
        <v>57253</v>
      </c>
      <c r="AZ10" s="15">
        <v>0</v>
      </c>
      <c r="BA10" s="15">
        <v>0</v>
      </c>
      <c r="BB10" s="15">
        <v>57253</v>
      </c>
      <c r="BC10" s="15">
        <v>0</v>
      </c>
      <c r="BD10" s="15">
        <v>434454</v>
      </c>
      <c r="BE10" s="15">
        <v>0</v>
      </c>
      <c r="BF10" s="15">
        <v>0</v>
      </c>
      <c r="BG10" s="15">
        <v>5353</v>
      </c>
      <c r="BH10" s="15">
        <v>0</v>
      </c>
      <c r="BI10" s="15">
        <v>596172</v>
      </c>
      <c r="BJ10" s="15">
        <v>3458943</v>
      </c>
      <c r="BK10" s="15">
        <v>5071997</v>
      </c>
      <c r="BL10" s="15">
        <v>2317117</v>
      </c>
      <c r="BM10" s="15">
        <v>0</v>
      </c>
      <c r="BN10" s="15">
        <v>6268902</v>
      </c>
      <c r="BO10" s="15">
        <v>3985243</v>
      </c>
      <c r="BP10" s="15">
        <v>1088032</v>
      </c>
      <c r="BQ10" s="15">
        <v>1234703</v>
      </c>
      <c r="BR10" s="15">
        <v>540706</v>
      </c>
      <c r="BS10" s="15">
        <v>37875</v>
      </c>
      <c r="BT10" s="15">
        <v>0</v>
      </c>
      <c r="BU10" s="15">
        <v>107118</v>
      </c>
      <c r="BV10" s="15">
        <v>0</v>
      </c>
      <c r="BW10" s="15">
        <v>0</v>
      </c>
      <c r="BX10" s="15">
        <v>107118</v>
      </c>
      <c r="BY10" s="15">
        <v>0</v>
      </c>
      <c r="BZ10" s="15">
        <v>0</v>
      </c>
      <c r="CA10" s="15">
        <v>3294</v>
      </c>
      <c r="CB10" s="15">
        <v>973515</v>
      </c>
      <c r="CC10" s="15">
        <v>2283659</v>
      </c>
      <c r="CD10" s="15">
        <v>40609</v>
      </c>
      <c r="CE10" s="15">
        <v>0</v>
      </c>
      <c r="CF10" s="15">
        <v>0</v>
      </c>
      <c r="CG10" s="15">
        <v>2243050</v>
      </c>
      <c r="CH10" s="15">
        <v>297111</v>
      </c>
      <c r="CI10" s="15">
        <v>113500</v>
      </c>
      <c r="CJ10" s="15">
        <v>183611</v>
      </c>
      <c r="CK10" s="15">
        <v>177154</v>
      </c>
      <c r="CL10" s="15">
        <v>0</v>
      </c>
      <c r="CM10" s="15">
        <v>6457</v>
      </c>
      <c r="CN10" s="15">
        <v>107921</v>
      </c>
      <c r="CO10" s="15">
        <v>67551</v>
      </c>
      <c r="CP10" s="15">
        <v>25100</v>
      </c>
      <c r="CQ10" s="15">
        <v>15270</v>
      </c>
      <c r="CR10" s="15">
        <v>846425</v>
      </c>
      <c r="CS10" s="15">
        <v>5294966</v>
      </c>
      <c r="CT10" s="15">
        <v>3074387</v>
      </c>
      <c r="CU10" s="15">
        <v>2220579</v>
      </c>
      <c r="CV10" s="15">
        <v>3240809</v>
      </c>
      <c r="CW10" s="15">
        <v>140799</v>
      </c>
      <c r="CX10" s="15">
        <v>0</v>
      </c>
      <c r="CY10" s="15">
        <v>3453</v>
      </c>
      <c r="CZ10" s="15">
        <v>1806406</v>
      </c>
      <c r="DA10" s="15">
        <v>0</v>
      </c>
      <c r="DB10" s="15">
        <v>0</v>
      </c>
      <c r="DC10" s="15">
        <v>0</v>
      </c>
      <c r="DD10" s="15">
        <v>200000</v>
      </c>
      <c r="DE10" s="15">
        <v>1090151</v>
      </c>
      <c r="DF10" s="15">
        <v>0</v>
      </c>
      <c r="DG10" s="15">
        <v>0</v>
      </c>
      <c r="DH10" s="15">
        <v>1090151</v>
      </c>
      <c r="DI10" s="15">
        <v>9159469</v>
      </c>
      <c r="DJ10" s="15">
        <v>106290831</v>
      </c>
    </row>
    <row r="11" spans="1:114" s="13" customFormat="1" ht="17.25" customHeight="1">
      <c r="A11" s="6" t="s">
        <v>209</v>
      </c>
      <c r="B11" s="15">
        <v>36524342</v>
      </c>
      <c r="C11" s="15">
        <v>308056</v>
      </c>
      <c r="D11" s="15">
        <v>76107</v>
      </c>
      <c r="E11" s="15">
        <v>0</v>
      </c>
      <c r="F11" s="15">
        <v>0</v>
      </c>
      <c r="G11" s="15">
        <v>0</v>
      </c>
      <c r="H11" s="15">
        <v>217604</v>
      </c>
      <c r="I11" s="15">
        <v>0</v>
      </c>
      <c r="J11" s="15">
        <v>14345</v>
      </c>
      <c r="K11" s="15">
        <v>19564</v>
      </c>
      <c r="L11" s="15">
        <v>291750</v>
      </c>
      <c r="M11" s="15">
        <v>371543</v>
      </c>
      <c r="N11" s="15">
        <v>0</v>
      </c>
      <c r="O11" s="15">
        <v>3898942</v>
      </c>
      <c r="P11" s="15">
        <v>22988</v>
      </c>
      <c r="Q11" s="15">
        <v>0</v>
      </c>
      <c r="R11" s="15">
        <v>0</v>
      </c>
      <c r="S11" s="15">
        <v>56729</v>
      </c>
      <c r="T11" s="15">
        <v>287908</v>
      </c>
      <c r="U11" s="15">
        <v>322171</v>
      </c>
      <c r="V11" s="15">
        <v>26709</v>
      </c>
      <c r="W11" s="15">
        <v>0</v>
      </c>
      <c r="X11" s="24">
        <v>26282</v>
      </c>
      <c r="Y11" s="15">
        <v>427</v>
      </c>
      <c r="Z11" s="15">
        <v>20907</v>
      </c>
      <c r="AA11" s="15">
        <v>256707</v>
      </c>
      <c r="AB11" s="15">
        <v>9365</v>
      </c>
      <c r="AC11" s="15">
        <v>247342</v>
      </c>
      <c r="AD11" s="15">
        <v>440349</v>
      </c>
      <c r="AE11" s="15">
        <v>0</v>
      </c>
      <c r="AF11" s="15">
        <v>0</v>
      </c>
      <c r="AG11" s="15">
        <v>0</v>
      </c>
      <c r="AH11" s="15">
        <v>0</v>
      </c>
      <c r="AI11" s="15">
        <v>60742</v>
      </c>
      <c r="AJ11" s="15">
        <v>114935</v>
      </c>
      <c r="AK11" s="15">
        <v>264672</v>
      </c>
      <c r="AL11" s="15">
        <v>750651</v>
      </c>
      <c r="AM11" s="15">
        <v>31945</v>
      </c>
      <c r="AN11" s="15">
        <v>718706</v>
      </c>
      <c r="AO11" s="15">
        <v>14542443</v>
      </c>
      <c r="AP11" s="15">
        <v>0</v>
      </c>
      <c r="AQ11" s="15">
        <v>1551313</v>
      </c>
      <c r="AR11" s="15">
        <v>1433845</v>
      </c>
      <c r="AS11" s="15">
        <v>1436458</v>
      </c>
      <c r="AT11" s="15">
        <v>1469509</v>
      </c>
      <c r="AU11" s="15">
        <v>0</v>
      </c>
      <c r="AV11" s="15">
        <v>34849</v>
      </c>
      <c r="AW11" s="15">
        <v>0</v>
      </c>
      <c r="AX11" s="15">
        <v>0</v>
      </c>
      <c r="AY11" s="15">
        <v>58959</v>
      </c>
      <c r="AZ11" s="15">
        <v>0</v>
      </c>
      <c r="BA11" s="15">
        <v>0</v>
      </c>
      <c r="BB11" s="15">
        <v>58959</v>
      </c>
      <c r="BC11" s="15">
        <v>0</v>
      </c>
      <c r="BD11" s="15">
        <v>95630</v>
      </c>
      <c r="BE11" s="15">
        <v>0</v>
      </c>
      <c r="BF11" s="15">
        <v>0</v>
      </c>
      <c r="BG11" s="15">
        <v>1664</v>
      </c>
      <c r="BH11" s="15">
        <v>0</v>
      </c>
      <c r="BI11" s="15">
        <v>576469</v>
      </c>
      <c r="BJ11" s="15">
        <v>1965759</v>
      </c>
      <c r="BK11" s="15">
        <v>4087602</v>
      </c>
      <c r="BL11" s="15">
        <v>1830386</v>
      </c>
      <c r="BM11" s="15">
        <v>0</v>
      </c>
      <c r="BN11" s="15">
        <v>3957957</v>
      </c>
      <c r="BO11" s="15">
        <v>2535391</v>
      </c>
      <c r="BP11" s="15">
        <v>620228</v>
      </c>
      <c r="BQ11" s="15">
        <v>736591</v>
      </c>
      <c r="BR11" s="15">
        <v>328230</v>
      </c>
      <c r="BS11" s="15">
        <v>20582</v>
      </c>
      <c r="BT11" s="15">
        <v>0</v>
      </c>
      <c r="BU11" s="15">
        <v>71245</v>
      </c>
      <c r="BV11" s="15">
        <v>0</v>
      </c>
      <c r="BW11" s="15">
        <v>0</v>
      </c>
      <c r="BX11" s="15">
        <v>71245</v>
      </c>
      <c r="BY11" s="15">
        <v>0</v>
      </c>
      <c r="BZ11" s="15">
        <v>0</v>
      </c>
      <c r="CA11" s="15">
        <v>145568</v>
      </c>
      <c r="CB11" s="15">
        <v>612947</v>
      </c>
      <c r="CC11" s="15">
        <v>1422566</v>
      </c>
      <c r="CD11" s="15">
        <v>0</v>
      </c>
      <c r="CE11" s="15">
        <v>0</v>
      </c>
      <c r="CF11" s="15">
        <v>0</v>
      </c>
      <c r="CG11" s="15">
        <v>1422566</v>
      </c>
      <c r="CH11" s="15">
        <v>140901</v>
      </c>
      <c r="CI11" s="15">
        <v>129543</v>
      </c>
      <c r="CJ11" s="15">
        <v>11358</v>
      </c>
      <c r="CK11" s="15">
        <v>5590</v>
      </c>
      <c r="CL11" s="15">
        <v>0</v>
      </c>
      <c r="CM11" s="15">
        <v>5768</v>
      </c>
      <c r="CN11" s="15">
        <v>1739838</v>
      </c>
      <c r="CO11" s="15">
        <v>1703948</v>
      </c>
      <c r="CP11" s="15">
        <v>0</v>
      </c>
      <c r="CQ11" s="15">
        <v>35890</v>
      </c>
      <c r="CR11" s="15">
        <v>148957</v>
      </c>
      <c r="CS11" s="15">
        <v>3656797</v>
      </c>
      <c r="CT11" s="15">
        <v>3225014</v>
      </c>
      <c r="CU11" s="15">
        <v>431783</v>
      </c>
      <c r="CV11" s="15">
        <v>822461</v>
      </c>
      <c r="CW11" s="15">
        <v>48946</v>
      </c>
      <c r="CX11" s="15">
        <v>66</v>
      </c>
      <c r="CY11" s="15">
        <v>0</v>
      </c>
      <c r="CZ11" s="15">
        <v>337000</v>
      </c>
      <c r="DA11" s="15">
        <v>0</v>
      </c>
      <c r="DB11" s="15">
        <v>0</v>
      </c>
      <c r="DC11" s="15">
        <v>0</v>
      </c>
      <c r="DD11" s="15">
        <v>0</v>
      </c>
      <c r="DE11" s="15">
        <v>436449</v>
      </c>
      <c r="DF11" s="15">
        <v>0</v>
      </c>
      <c r="DG11" s="15">
        <v>0</v>
      </c>
      <c r="DH11" s="15">
        <v>436449</v>
      </c>
      <c r="DI11" s="15">
        <v>1260300</v>
      </c>
      <c r="DJ11" s="15">
        <v>69868970</v>
      </c>
    </row>
    <row r="12" spans="1:114" s="13" customFormat="1" ht="17.25" customHeight="1">
      <c r="A12" s="6" t="s">
        <v>210</v>
      </c>
      <c r="B12" s="15">
        <v>81339202</v>
      </c>
      <c r="C12" s="15">
        <v>788480</v>
      </c>
      <c r="D12" s="15">
        <v>194740</v>
      </c>
      <c r="E12" s="15">
        <v>0</v>
      </c>
      <c r="F12" s="15">
        <v>0</v>
      </c>
      <c r="G12" s="15">
        <v>0</v>
      </c>
      <c r="H12" s="15">
        <v>556791</v>
      </c>
      <c r="I12" s="15">
        <v>0</v>
      </c>
      <c r="J12" s="15">
        <v>36949</v>
      </c>
      <c r="K12" s="15">
        <v>40264</v>
      </c>
      <c r="L12" s="15">
        <v>600997</v>
      </c>
      <c r="M12" s="15">
        <v>765930</v>
      </c>
      <c r="N12" s="15">
        <v>0</v>
      </c>
      <c r="O12" s="15">
        <v>9492827</v>
      </c>
      <c r="P12" s="15">
        <v>16754</v>
      </c>
      <c r="Q12" s="15">
        <v>1</v>
      </c>
      <c r="R12" s="15">
        <v>0</v>
      </c>
      <c r="S12" s="15">
        <v>145518</v>
      </c>
      <c r="T12" s="15">
        <v>797879</v>
      </c>
      <c r="U12" s="15">
        <v>971223</v>
      </c>
      <c r="V12" s="15">
        <v>47929</v>
      </c>
      <c r="W12" s="15">
        <v>0</v>
      </c>
      <c r="X12" s="24">
        <v>47905</v>
      </c>
      <c r="Y12" s="15">
        <v>24</v>
      </c>
      <c r="Z12" s="15">
        <v>51716</v>
      </c>
      <c r="AA12" s="15">
        <v>1135115</v>
      </c>
      <c r="AB12" s="15">
        <v>113607</v>
      </c>
      <c r="AC12" s="15">
        <v>1021508</v>
      </c>
      <c r="AD12" s="15">
        <v>1546871</v>
      </c>
      <c r="AE12" s="15">
        <v>18711</v>
      </c>
      <c r="AF12" s="15">
        <v>0</v>
      </c>
      <c r="AG12" s="15">
        <v>0</v>
      </c>
      <c r="AH12" s="15">
        <v>18711</v>
      </c>
      <c r="AI12" s="15">
        <v>235404</v>
      </c>
      <c r="AJ12" s="15">
        <v>345109</v>
      </c>
      <c r="AK12" s="15">
        <v>947647</v>
      </c>
      <c r="AL12" s="15">
        <v>2125657</v>
      </c>
      <c r="AM12" s="15">
        <v>95546</v>
      </c>
      <c r="AN12" s="15">
        <v>2030111</v>
      </c>
      <c r="AO12" s="15">
        <v>44792698</v>
      </c>
      <c r="AP12" s="15">
        <v>0</v>
      </c>
      <c r="AQ12" s="15">
        <v>7358620</v>
      </c>
      <c r="AR12" s="15">
        <v>5705376</v>
      </c>
      <c r="AS12" s="15">
        <v>3640118</v>
      </c>
      <c r="AT12" s="15">
        <v>4532303</v>
      </c>
      <c r="AU12" s="15">
        <v>0</v>
      </c>
      <c r="AV12" s="15">
        <v>2944476</v>
      </c>
      <c r="AW12" s="15">
        <v>0</v>
      </c>
      <c r="AX12" s="15">
        <v>0</v>
      </c>
      <c r="AY12" s="15">
        <v>131588</v>
      </c>
      <c r="AZ12" s="15">
        <v>0</v>
      </c>
      <c r="BA12" s="15">
        <v>0</v>
      </c>
      <c r="BB12" s="15">
        <v>131588</v>
      </c>
      <c r="BC12" s="15">
        <v>0</v>
      </c>
      <c r="BD12" s="15">
        <v>819736</v>
      </c>
      <c r="BE12" s="15">
        <v>125225</v>
      </c>
      <c r="BF12" s="15">
        <v>0</v>
      </c>
      <c r="BG12" s="15">
        <v>2248</v>
      </c>
      <c r="BH12" s="15">
        <v>0</v>
      </c>
      <c r="BI12" s="15">
        <v>1375004</v>
      </c>
      <c r="BJ12" s="15">
        <v>6199669</v>
      </c>
      <c r="BK12" s="15">
        <v>7888924</v>
      </c>
      <c r="BL12" s="15">
        <v>4069411</v>
      </c>
      <c r="BM12" s="15">
        <v>0</v>
      </c>
      <c r="BN12" s="15">
        <v>10732418</v>
      </c>
      <c r="BO12" s="15">
        <v>7462391</v>
      </c>
      <c r="BP12" s="15">
        <v>2553811</v>
      </c>
      <c r="BQ12" s="15">
        <v>1798985</v>
      </c>
      <c r="BR12" s="15">
        <v>991191</v>
      </c>
      <c r="BS12" s="15">
        <v>174809</v>
      </c>
      <c r="BT12" s="15">
        <v>0</v>
      </c>
      <c r="BU12" s="15">
        <v>164004</v>
      </c>
      <c r="BV12" s="15">
        <v>0</v>
      </c>
      <c r="BW12" s="15">
        <v>0</v>
      </c>
      <c r="BX12" s="15">
        <v>164004</v>
      </c>
      <c r="BY12" s="15">
        <v>0</v>
      </c>
      <c r="BZ12" s="15">
        <v>0</v>
      </c>
      <c r="CA12" s="15">
        <v>461945</v>
      </c>
      <c r="CB12" s="15">
        <v>1317646</v>
      </c>
      <c r="CC12" s="15">
        <v>3270027</v>
      </c>
      <c r="CD12" s="15">
        <v>0</v>
      </c>
      <c r="CE12" s="15">
        <v>0</v>
      </c>
      <c r="CF12" s="15">
        <v>0</v>
      </c>
      <c r="CG12" s="15">
        <v>3270027</v>
      </c>
      <c r="CH12" s="15">
        <v>484332</v>
      </c>
      <c r="CI12" s="15">
        <v>186753</v>
      </c>
      <c r="CJ12" s="15">
        <v>297579</v>
      </c>
      <c r="CK12" s="15">
        <v>288883</v>
      </c>
      <c r="CL12" s="15">
        <v>0</v>
      </c>
      <c r="CM12" s="15">
        <v>8696</v>
      </c>
      <c r="CN12" s="15">
        <v>446886</v>
      </c>
      <c r="CO12" s="15">
        <v>182375</v>
      </c>
      <c r="CP12" s="15">
        <v>0</v>
      </c>
      <c r="CQ12" s="15">
        <v>264511</v>
      </c>
      <c r="CR12" s="15">
        <v>6945661</v>
      </c>
      <c r="CS12" s="15">
        <v>5853887</v>
      </c>
      <c r="CT12" s="15">
        <v>4962098</v>
      </c>
      <c r="CU12" s="15">
        <v>891789</v>
      </c>
      <c r="CV12" s="15">
        <v>3612310</v>
      </c>
      <c r="CW12" s="15">
        <v>148447</v>
      </c>
      <c r="CX12" s="15">
        <v>20</v>
      </c>
      <c r="CY12" s="15">
        <v>0</v>
      </c>
      <c r="CZ12" s="15">
        <v>1264175</v>
      </c>
      <c r="DA12" s="15">
        <v>0</v>
      </c>
      <c r="DB12" s="15">
        <v>0</v>
      </c>
      <c r="DC12" s="15">
        <v>0</v>
      </c>
      <c r="DD12" s="15">
        <v>0</v>
      </c>
      <c r="DE12" s="15">
        <v>2199668</v>
      </c>
      <c r="DF12" s="15">
        <v>0</v>
      </c>
      <c r="DG12" s="15">
        <v>0</v>
      </c>
      <c r="DH12" s="15">
        <v>2199668</v>
      </c>
      <c r="DI12" s="15">
        <v>11502700</v>
      </c>
      <c r="DJ12" s="15">
        <v>184237255</v>
      </c>
    </row>
    <row r="13" spans="1:114" s="13" customFormat="1" ht="17.25" customHeight="1">
      <c r="A13" s="6" t="s">
        <v>184</v>
      </c>
      <c r="B13" s="15">
        <v>31935361</v>
      </c>
      <c r="C13" s="15">
        <v>394246</v>
      </c>
      <c r="D13" s="15">
        <v>96029</v>
      </c>
      <c r="E13" s="15">
        <v>0</v>
      </c>
      <c r="F13" s="15">
        <v>0</v>
      </c>
      <c r="G13" s="15">
        <v>0</v>
      </c>
      <c r="H13" s="15">
        <v>274561</v>
      </c>
      <c r="I13" s="15">
        <v>0</v>
      </c>
      <c r="J13" s="15">
        <v>23656</v>
      </c>
      <c r="K13" s="15">
        <v>13830</v>
      </c>
      <c r="L13" s="15">
        <v>205920</v>
      </c>
      <c r="M13" s="15">
        <v>261931</v>
      </c>
      <c r="N13" s="15">
        <v>0</v>
      </c>
      <c r="O13" s="15">
        <v>4449224</v>
      </c>
      <c r="P13" s="15">
        <v>15064</v>
      </c>
      <c r="Q13" s="15">
        <v>0</v>
      </c>
      <c r="R13" s="15">
        <v>0</v>
      </c>
      <c r="S13" s="15">
        <v>71713</v>
      </c>
      <c r="T13" s="15">
        <v>393463</v>
      </c>
      <c r="U13" s="15">
        <v>580408</v>
      </c>
      <c r="V13" s="15">
        <v>2703257</v>
      </c>
      <c r="W13" s="15">
        <v>2443687</v>
      </c>
      <c r="X13" s="24">
        <v>259446</v>
      </c>
      <c r="Y13" s="15">
        <v>124</v>
      </c>
      <c r="Z13" s="15">
        <v>26059</v>
      </c>
      <c r="AA13" s="15">
        <v>2256588</v>
      </c>
      <c r="AB13" s="15">
        <v>1801480</v>
      </c>
      <c r="AC13" s="15">
        <v>455108</v>
      </c>
      <c r="AD13" s="15">
        <v>642331</v>
      </c>
      <c r="AE13" s="15">
        <v>377</v>
      </c>
      <c r="AF13" s="15">
        <v>0</v>
      </c>
      <c r="AG13" s="15">
        <v>377</v>
      </c>
      <c r="AH13" s="15">
        <v>0</v>
      </c>
      <c r="AI13" s="15">
        <v>33550</v>
      </c>
      <c r="AJ13" s="15">
        <v>235435</v>
      </c>
      <c r="AK13" s="15">
        <v>372969</v>
      </c>
      <c r="AL13" s="15">
        <v>748487</v>
      </c>
      <c r="AM13" s="15">
        <v>45188</v>
      </c>
      <c r="AN13" s="15">
        <v>703299</v>
      </c>
      <c r="AO13" s="15">
        <v>20507621</v>
      </c>
      <c r="AP13" s="15">
        <v>0</v>
      </c>
      <c r="AQ13" s="15">
        <v>4564734</v>
      </c>
      <c r="AR13" s="15">
        <v>2279790</v>
      </c>
      <c r="AS13" s="15">
        <v>1938559</v>
      </c>
      <c r="AT13" s="15">
        <v>1714085</v>
      </c>
      <c r="AU13" s="15">
        <v>0</v>
      </c>
      <c r="AV13" s="15">
        <v>113994</v>
      </c>
      <c r="AW13" s="15">
        <v>10425</v>
      </c>
      <c r="AX13" s="15">
        <v>0</v>
      </c>
      <c r="AY13" s="15">
        <v>44769</v>
      </c>
      <c r="AZ13" s="15">
        <v>0</v>
      </c>
      <c r="BA13" s="15">
        <v>0</v>
      </c>
      <c r="BB13" s="15">
        <v>44769</v>
      </c>
      <c r="BC13" s="15">
        <v>0</v>
      </c>
      <c r="BD13" s="15">
        <v>776483</v>
      </c>
      <c r="BE13" s="15">
        <v>0</v>
      </c>
      <c r="BF13" s="15">
        <v>0</v>
      </c>
      <c r="BG13" s="15">
        <v>34155</v>
      </c>
      <c r="BH13" s="15">
        <v>0</v>
      </c>
      <c r="BI13" s="15">
        <v>547592</v>
      </c>
      <c r="BJ13" s="15">
        <v>2408559</v>
      </c>
      <c r="BK13" s="15">
        <v>3927015</v>
      </c>
      <c r="BL13" s="15">
        <v>2147461</v>
      </c>
      <c r="BM13" s="15">
        <v>0</v>
      </c>
      <c r="BN13" s="15">
        <v>4989684</v>
      </c>
      <c r="BO13" s="15">
        <v>3151992</v>
      </c>
      <c r="BP13" s="15">
        <v>954137</v>
      </c>
      <c r="BQ13" s="15">
        <v>964910</v>
      </c>
      <c r="BR13" s="15">
        <v>377391</v>
      </c>
      <c r="BS13" s="15">
        <v>0</v>
      </c>
      <c r="BT13" s="15">
        <v>9518</v>
      </c>
      <c r="BU13" s="15">
        <v>75639</v>
      </c>
      <c r="BV13" s="15">
        <v>0</v>
      </c>
      <c r="BW13" s="15">
        <v>0</v>
      </c>
      <c r="BX13" s="15">
        <v>75639</v>
      </c>
      <c r="BY13" s="15">
        <v>4400</v>
      </c>
      <c r="BZ13" s="15">
        <v>0</v>
      </c>
      <c r="CA13" s="15">
        <v>44520</v>
      </c>
      <c r="CB13" s="15">
        <v>721477</v>
      </c>
      <c r="CC13" s="15">
        <v>1837692</v>
      </c>
      <c r="CD13" s="15">
        <v>74515</v>
      </c>
      <c r="CE13" s="15">
        <v>0</v>
      </c>
      <c r="CF13" s="15">
        <v>0</v>
      </c>
      <c r="CG13" s="15">
        <v>1763177</v>
      </c>
      <c r="CH13" s="15">
        <v>373327</v>
      </c>
      <c r="CI13" s="15">
        <v>245814</v>
      </c>
      <c r="CJ13" s="15">
        <v>127513</v>
      </c>
      <c r="CK13" s="15">
        <v>126645</v>
      </c>
      <c r="CL13" s="15">
        <v>0</v>
      </c>
      <c r="CM13" s="15">
        <v>868</v>
      </c>
      <c r="CN13" s="15">
        <v>1015492</v>
      </c>
      <c r="CO13" s="15">
        <v>985831</v>
      </c>
      <c r="CP13" s="15">
        <v>0</v>
      </c>
      <c r="CQ13" s="15">
        <v>29661</v>
      </c>
      <c r="CR13" s="15">
        <v>1778775</v>
      </c>
      <c r="CS13" s="15">
        <v>3810449</v>
      </c>
      <c r="CT13" s="15">
        <v>3469252</v>
      </c>
      <c r="CU13" s="15">
        <v>341197</v>
      </c>
      <c r="CV13" s="15">
        <v>2214417</v>
      </c>
      <c r="CW13" s="15">
        <v>78519</v>
      </c>
      <c r="CX13" s="15">
        <v>0</v>
      </c>
      <c r="CY13" s="15">
        <v>0</v>
      </c>
      <c r="CZ13" s="15">
        <v>818052</v>
      </c>
      <c r="DA13" s="15">
        <v>28905</v>
      </c>
      <c r="DB13" s="15">
        <v>28905</v>
      </c>
      <c r="DC13" s="15">
        <v>0</v>
      </c>
      <c r="DD13" s="15">
        <v>100000</v>
      </c>
      <c r="DE13" s="15">
        <v>1188941</v>
      </c>
      <c r="DF13" s="15">
        <v>0</v>
      </c>
      <c r="DG13" s="15">
        <v>0</v>
      </c>
      <c r="DH13" s="15">
        <v>1188941</v>
      </c>
      <c r="DI13" s="15">
        <v>4607682</v>
      </c>
      <c r="DJ13" s="15">
        <v>83995329</v>
      </c>
    </row>
    <row r="14" spans="1:114" s="13" customFormat="1" ht="17.25" customHeight="1">
      <c r="A14" s="6" t="s">
        <v>211</v>
      </c>
      <c r="B14" s="15">
        <v>36779348</v>
      </c>
      <c r="C14" s="15">
        <v>390836</v>
      </c>
      <c r="D14" s="15">
        <v>96215</v>
      </c>
      <c r="E14" s="15">
        <v>0</v>
      </c>
      <c r="F14" s="15">
        <v>0</v>
      </c>
      <c r="G14" s="15">
        <v>0</v>
      </c>
      <c r="H14" s="15">
        <v>275093</v>
      </c>
      <c r="I14" s="15">
        <v>0</v>
      </c>
      <c r="J14" s="15">
        <v>19528</v>
      </c>
      <c r="K14" s="15">
        <v>20057</v>
      </c>
      <c r="L14" s="15">
        <v>299321</v>
      </c>
      <c r="M14" s="15">
        <v>381391</v>
      </c>
      <c r="N14" s="15">
        <v>0</v>
      </c>
      <c r="O14" s="15">
        <v>4937819</v>
      </c>
      <c r="P14" s="15">
        <v>47633</v>
      </c>
      <c r="Q14" s="15">
        <v>0</v>
      </c>
      <c r="R14" s="15">
        <v>0</v>
      </c>
      <c r="S14" s="15">
        <v>71652</v>
      </c>
      <c r="T14" s="15">
        <v>249109</v>
      </c>
      <c r="U14" s="15">
        <v>468114</v>
      </c>
      <c r="V14" s="15">
        <v>3693794</v>
      </c>
      <c r="W14" s="15">
        <v>3428220</v>
      </c>
      <c r="X14" s="24">
        <v>265574</v>
      </c>
      <c r="Y14" s="15">
        <v>0</v>
      </c>
      <c r="Z14" s="15">
        <v>24302</v>
      </c>
      <c r="AA14" s="15">
        <v>751524</v>
      </c>
      <c r="AB14" s="15">
        <v>221634</v>
      </c>
      <c r="AC14" s="15">
        <v>529890</v>
      </c>
      <c r="AD14" s="15">
        <v>457296</v>
      </c>
      <c r="AE14" s="15">
        <v>4023</v>
      </c>
      <c r="AF14" s="15">
        <v>0</v>
      </c>
      <c r="AG14" s="15">
        <v>0</v>
      </c>
      <c r="AH14" s="15">
        <v>4023</v>
      </c>
      <c r="AI14" s="15">
        <v>98926</v>
      </c>
      <c r="AJ14" s="15">
        <v>124849</v>
      </c>
      <c r="AK14" s="15">
        <v>229498</v>
      </c>
      <c r="AL14" s="15">
        <v>689271</v>
      </c>
      <c r="AM14" s="15">
        <v>22621</v>
      </c>
      <c r="AN14" s="15">
        <v>666650</v>
      </c>
      <c r="AO14" s="15">
        <v>22420284</v>
      </c>
      <c r="AP14" s="15">
        <v>0</v>
      </c>
      <c r="AQ14" s="15">
        <v>3044838</v>
      </c>
      <c r="AR14" s="15">
        <v>3241624</v>
      </c>
      <c r="AS14" s="15">
        <v>1730598</v>
      </c>
      <c r="AT14" s="15">
        <v>2476725</v>
      </c>
      <c r="AU14" s="15">
        <v>0</v>
      </c>
      <c r="AV14" s="15">
        <v>10344</v>
      </c>
      <c r="AW14" s="15">
        <v>0</v>
      </c>
      <c r="AX14" s="15">
        <v>0</v>
      </c>
      <c r="AY14" s="15">
        <v>64334</v>
      </c>
      <c r="AZ14" s="15">
        <v>0</v>
      </c>
      <c r="BA14" s="15">
        <v>0</v>
      </c>
      <c r="BB14" s="15">
        <v>64334</v>
      </c>
      <c r="BC14" s="15">
        <v>0</v>
      </c>
      <c r="BD14" s="15">
        <v>541261</v>
      </c>
      <c r="BE14" s="15">
        <v>0</v>
      </c>
      <c r="BF14" s="15">
        <v>0</v>
      </c>
      <c r="BG14" s="15">
        <v>0</v>
      </c>
      <c r="BH14" s="15">
        <v>0</v>
      </c>
      <c r="BI14" s="15">
        <v>1291443</v>
      </c>
      <c r="BJ14" s="15">
        <v>3452315</v>
      </c>
      <c r="BK14" s="15">
        <v>4858500</v>
      </c>
      <c r="BL14" s="15">
        <v>1708302</v>
      </c>
      <c r="BM14" s="15">
        <v>0</v>
      </c>
      <c r="BN14" s="15">
        <v>6060270</v>
      </c>
      <c r="BO14" s="15">
        <v>4020504</v>
      </c>
      <c r="BP14" s="15">
        <v>1293090</v>
      </c>
      <c r="BQ14" s="15">
        <v>832490</v>
      </c>
      <c r="BR14" s="15">
        <v>546255</v>
      </c>
      <c r="BS14" s="15">
        <v>110</v>
      </c>
      <c r="BT14" s="15">
        <v>0</v>
      </c>
      <c r="BU14" s="15">
        <v>88312</v>
      </c>
      <c r="BV14" s="15">
        <v>0</v>
      </c>
      <c r="BW14" s="15">
        <v>0</v>
      </c>
      <c r="BX14" s="15">
        <v>88312</v>
      </c>
      <c r="BY14" s="15">
        <v>0</v>
      </c>
      <c r="BZ14" s="15">
        <v>0</v>
      </c>
      <c r="CA14" s="15">
        <v>346116</v>
      </c>
      <c r="CB14" s="15">
        <v>914131</v>
      </c>
      <c r="CC14" s="15">
        <v>2039766</v>
      </c>
      <c r="CD14" s="15">
        <v>0</v>
      </c>
      <c r="CE14" s="15">
        <v>0</v>
      </c>
      <c r="CF14" s="15">
        <v>0</v>
      </c>
      <c r="CG14" s="15">
        <v>2039766</v>
      </c>
      <c r="CH14" s="15">
        <v>183228</v>
      </c>
      <c r="CI14" s="15">
        <v>115751</v>
      </c>
      <c r="CJ14" s="15">
        <v>67477</v>
      </c>
      <c r="CK14" s="15">
        <v>65695</v>
      </c>
      <c r="CL14" s="15">
        <v>0</v>
      </c>
      <c r="CM14" s="15">
        <v>1782</v>
      </c>
      <c r="CN14" s="15">
        <v>167502</v>
      </c>
      <c r="CO14" s="15">
        <v>139359</v>
      </c>
      <c r="CP14" s="15">
        <v>12200</v>
      </c>
      <c r="CQ14" s="15">
        <v>15943</v>
      </c>
      <c r="CR14" s="15">
        <v>572259</v>
      </c>
      <c r="CS14" s="15">
        <v>6742862</v>
      </c>
      <c r="CT14" s="15">
        <v>6477775</v>
      </c>
      <c r="CU14" s="15">
        <v>265087</v>
      </c>
      <c r="CV14" s="15">
        <v>2597321</v>
      </c>
      <c r="CW14" s="15">
        <v>57987</v>
      </c>
      <c r="CX14" s="15">
        <v>9</v>
      </c>
      <c r="CY14" s="15">
        <v>0</v>
      </c>
      <c r="CZ14" s="15">
        <v>1808947</v>
      </c>
      <c r="DA14" s="15">
        <v>99799</v>
      </c>
      <c r="DB14" s="15">
        <v>99799</v>
      </c>
      <c r="DC14" s="15">
        <v>0</v>
      </c>
      <c r="DD14" s="15">
        <v>0</v>
      </c>
      <c r="DE14" s="15">
        <v>630579</v>
      </c>
      <c r="DF14" s="15">
        <v>0</v>
      </c>
      <c r="DG14" s="15">
        <v>0</v>
      </c>
      <c r="DH14" s="15">
        <v>630579</v>
      </c>
      <c r="DI14" s="15">
        <v>3056027</v>
      </c>
      <c r="DJ14" s="15">
        <v>91061220</v>
      </c>
    </row>
    <row r="15" spans="1:114" s="13" customFormat="1" ht="17.25" customHeight="1">
      <c r="A15" s="6" t="s">
        <v>212</v>
      </c>
      <c r="B15" s="15">
        <v>9550461</v>
      </c>
      <c r="C15" s="15">
        <v>100595</v>
      </c>
      <c r="D15" s="15">
        <v>24763</v>
      </c>
      <c r="E15" s="15">
        <v>0</v>
      </c>
      <c r="F15" s="15">
        <v>0</v>
      </c>
      <c r="G15" s="15">
        <v>0</v>
      </c>
      <c r="H15" s="15">
        <v>70803</v>
      </c>
      <c r="I15" s="15">
        <v>0</v>
      </c>
      <c r="J15" s="15">
        <v>5029</v>
      </c>
      <c r="K15" s="15">
        <v>6020</v>
      </c>
      <c r="L15" s="15">
        <v>89576</v>
      </c>
      <c r="M15" s="15">
        <v>113878</v>
      </c>
      <c r="N15" s="15">
        <v>0</v>
      </c>
      <c r="O15" s="15">
        <v>1180501</v>
      </c>
      <c r="P15" s="15">
        <v>0</v>
      </c>
      <c r="Q15" s="15">
        <v>0</v>
      </c>
      <c r="R15" s="15">
        <v>0</v>
      </c>
      <c r="S15" s="15">
        <v>18476</v>
      </c>
      <c r="T15" s="15">
        <v>43188</v>
      </c>
      <c r="U15" s="15">
        <v>110296</v>
      </c>
      <c r="V15" s="15">
        <v>2078847</v>
      </c>
      <c r="W15" s="15">
        <v>2005017</v>
      </c>
      <c r="X15" s="24">
        <v>73750</v>
      </c>
      <c r="Y15" s="15">
        <v>80</v>
      </c>
      <c r="Z15" s="15">
        <v>7763</v>
      </c>
      <c r="AA15" s="15">
        <v>353757</v>
      </c>
      <c r="AB15" s="15">
        <v>256467</v>
      </c>
      <c r="AC15" s="15">
        <v>97290</v>
      </c>
      <c r="AD15" s="15">
        <v>188737</v>
      </c>
      <c r="AE15" s="15">
        <v>0</v>
      </c>
      <c r="AF15" s="15">
        <v>0</v>
      </c>
      <c r="AG15" s="15">
        <v>0</v>
      </c>
      <c r="AH15" s="15">
        <v>0</v>
      </c>
      <c r="AI15" s="15">
        <v>22815</v>
      </c>
      <c r="AJ15" s="15">
        <v>39170</v>
      </c>
      <c r="AK15" s="15">
        <v>126752</v>
      </c>
      <c r="AL15" s="15">
        <v>245394</v>
      </c>
      <c r="AM15" s="15">
        <v>8250</v>
      </c>
      <c r="AN15" s="15">
        <v>237144</v>
      </c>
      <c r="AO15" s="15">
        <v>5688211</v>
      </c>
      <c r="AP15" s="15">
        <v>0</v>
      </c>
      <c r="AQ15" s="15">
        <v>634593</v>
      </c>
      <c r="AR15" s="15">
        <v>615546</v>
      </c>
      <c r="AS15" s="15">
        <v>466859</v>
      </c>
      <c r="AT15" s="15">
        <v>512416</v>
      </c>
      <c r="AU15" s="15">
        <v>0</v>
      </c>
      <c r="AV15" s="15">
        <v>156652</v>
      </c>
      <c r="AW15" s="15">
        <v>55238</v>
      </c>
      <c r="AX15" s="15">
        <v>0</v>
      </c>
      <c r="AY15" s="15">
        <v>21034</v>
      </c>
      <c r="AZ15" s="15">
        <v>0</v>
      </c>
      <c r="BA15" s="15">
        <v>0</v>
      </c>
      <c r="BB15" s="15">
        <v>21034</v>
      </c>
      <c r="BC15" s="15">
        <v>0</v>
      </c>
      <c r="BD15" s="15">
        <v>13383</v>
      </c>
      <c r="BE15" s="15">
        <v>77105</v>
      </c>
      <c r="BF15" s="15">
        <v>0</v>
      </c>
      <c r="BG15" s="15">
        <v>3949</v>
      </c>
      <c r="BH15" s="15">
        <v>0</v>
      </c>
      <c r="BI15" s="15">
        <v>202186</v>
      </c>
      <c r="BJ15" s="15">
        <v>714458</v>
      </c>
      <c r="BK15" s="15">
        <v>1525506</v>
      </c>
      <c r="BL15" s="15">
        <v>689286</v>
      </c>
      <c r="BM15" s="15">
        <v>282541</v>
      </c>
      <c r="BN15" s="15">
        <v>1361040</v>
      </c>
      <c r="BO15" s="15">
        <v>865616</v>
      </c>
      <c r="BP15" s="15">
        <v>259425</v>
      </c>
      <c r="BQ15" s="15">
        <v>233922</v>
      </c>
      <c r="BR15" s="15">
        <v>114194</v>
      </c>
      <c r="BS15" s="15">
        <v>0</v>
      </c>
      <c r="BT15" s="15">
        <v>0</v>
      </c>
      <c r="BU15" s="15">
        <v>27476</v>
      </c>
      <c r="BV15" s="15">
        <v>0</v>
      </c>
      <c r="BW15" s="15">
        <v>0</v>
      </c>
      <c r="BX15" s="15">
        <v>27476</v>
      </c>
      <c r="BY15" s="15">
        <v>0</v>
      </c>
      <c r="BZ15" s="15">
        <v>0</v>
      </c>
      <c r="CA15" s="15">
        <v>3063</v>
      </c>
      <c r="CB15" s="15">
        <v>227536</v>
      </c>
      <c r="CC15" s="15">
        <v>495424</v>
      </c>
      <c r="CD15" s="15">
        <v>0</v>
      </c>
      <c r="CE15" s="15">
        <v>0</v>
      </c>
      <c r="CF15" s="15">
        <v>0</v>
      </c>
      <c r="CG15" s="15">
        <v>495424</v>
      </c>
      <c r="CH15" s="15">
        <v>56354</v>
      </c>
      <c r="CI15" s="15">
        <v>35189</v>
      </c>
      <c r="CJ15" s="15">
        <v>21165</v>
      </c>
      <c r="CK15" s="15">
        <v>21114</v>
      </c>
      <c r="CL15" s="15">
        <v>0</v>
      </c>
      <c r="CM15" s="15">
        <v>51</v>
      </c>
      <c r="CN15" s="15">
        <v>1273759</v>
      </c>
      <c r="CO15" s="15">
        <v>243352</v>
      </c>
      <c r="CP15" s="15">
        <v>13400</v>
      </c>
      <c r="CQ15" s="15">
        <v>1017007</v>
      </c>
      <c r="CR15" s="15">
        <v>700011</v>
      </c>
      <c r="CS15" s="15">
        <v>1667120</v>
      </c>
      <c r="CT15" s="15">
        <v>1633594</v>
      </c>
      <c r="CU15" s="15">
        <v>33526</v>
      </c>
      <c r="CV15" s="15">
        <v>143266</v>
      </c>
      <c r="CW15" s="15">
        <v>6186</v>
      </c>
      <c r="CX15" s="15">
        <v>4</v>
      </c>
      <c r="CY15" s="15">
        <v>0</v>
      </c>
      <c r="CZ15" s="15">
        <v>36000</v>
      </c>
      <c r="DA15" s="15">
        <v>0</v>
      </c>
      <c r="DB15" s="15">
        <v>0</v>
      </c>
      <c r="DC15" s="15">
        <v>0</v>
      </c>
      <c r="DD15" s="15">
        <v>0</v>
      </c>
      <c r="DE15" s="15">
        <v>101076</v>
      </c>
      <c r="DF15" s="15">
        <v>0</v>
      </c>
      <c r="DG15" s="15">
        <v>0</v>
      </c>
      <c r="DH15" s="15">
        <v>101076</v>
      </c>
      <c r="DI15" s="15">
        <v>1626296</v>
      </c>
      <c r="DJ15" s="15">
        <v>26886087</v>
      </c>
    </row>
    <row r="16" spans="1:114" s="13" customFormat="1" ht="17.25" customHeight="1">
      <c r="A16" s="6" t="s">
        <v>213</v>
      </c>
      <c r="B16" s="15">
        <v>5422267</v>
      </c>
      <c r="C16" s="15">
        <v>119902</v>
      </c>
      <c r="D16" s="15">
        <v>30152</v>
      </c>
      <c r="E16" s="15">
        <v>0</v>
      </c>
      <c r="F16" s="15">
        <v>0</v>
      </c>
      <c r="G16" s="15">
        <v>0</v>
      </c>
      <c r="H16" s="15">
        <v>86212</v>
      </c>
      <c r="I16" s="15">
        <v>0</v>
      </c>
      <c r="J16" s="15">
        <v>3538</v>
      </c>
      <c r="K16" s="15">
        <v>2715</v>
      </c>
      <c r="L16" s="15">
        <v>40240</v>
      </c>
      <c r="M16" s="15">
        <v>51007</v>
      </c>
      <c r="N16" s="15">
        <v>0</v>
      </c>
      <c r="O16" s="15">
        <v>952282</v>
      </c>
      <c r="P16" s="15">
        <v>0</v>
      </c>
      <c r="Q16" s="15">
        <v>0</v>
      </c>
      <c r="R16" s="15">
        <v>0</v>
      </c>
      <c r="S16" s="15">
        <v>22484</v>
      </c>
      <c r="T16" s="15">
        <v>38637</v>
      </c>
      <c r="U16" s="15">
        <v>152749</v>
      </c>
      <c r="V16" s="15">
        <v>4842606</v>
      </c>
      <c r="W16" s="15">
        <v>3917829</v>
      </c>
      <c r="X16" s="24">
        <v>924777</v>
      </c>
      <c r="Y16" s="15">
        <v>0</v>
      </c>
      <c r="Z16" s="15">
        <v>5333</v>
      </c>
      <c r="AA16" s="15">
        <v>53841</v>
      </c>
      <c r="AB16" s="15">
        <v>36758</v>
      </c>
      <c r="AC16" s="15">
        <v>17083</v>
      </c>
      <c r="AD16" s="15">
        <v>45772</v>
      </c>
      <c r="AE16" s="15">
        <v>0</v>
      </c>
      <c r="AF16" s="15">
        <v>0</v>
      </c>
      <c r="AG16" s="15">
        <v>0</v>
      </c>
      <c r="AH16" s="15">
        <v>0</v>
      </c>
      <c r="AI16" s="15">
        <v>0</v>
      </c>
      <c r="AJ16" s="15">
        <v>1834</v>
      </c>
      <c r="AK16" s="15">
        <v>43938</v>
      </c>
      <c r="AL16" s="15">
        <v>100769</v>
      </c>
      <c r="AM16" s="15">
        <v>6608</v>
      </c>
      <c r="AN16" s="15">
        <v>94161</v>
      </c>
      <c r="AO16" s="15">
        <v>4401912</v>
      </c>
      <c r="AP16" s="15">
        <v>0</v>
      </c>
      <c r="AQ16" s="15">
        <v>1012977</v>
      </c>
      <c r="AR16" s="15">
        <v>264825</v>
      </c>
      <c r="AS16" s="15">
        <v>393177</v>
      </c>
      <c r="AT16" s="15">
        <v>289569</v>
      </c>
      <c r="AU16" s="15">
        <v>0</v>
      </c>
      <c r="AV16" s="15">
        <v>11403</v>
      </c>
      <c r="AW16" s="15">
        <v>0</v>
      </c>
      <c r="AX16" s="15">
        <v>0</v>
      </c>
      <c r="AY16" s="15">
        <v>44355</v>
      </c>
      <c r="AZ16" s="15">
        <v>0</v>
      </c>
      <c r="BA16" s="15">
        <v>0</v>
      </c>
      <c r="BB16" s="15">
        <v>44355</v>
      </c>
      <c r="BC16" s="15">
        <v>0</v>
      </c>
      <c r="BD16" s="15">
        <v>17370</v>
      </c>
      <c r="BE16" s="15">
        <v>0</v>
      </c>
      <c r="BF16" s="15">
        <v>0</v>
      </c>
      <c r="BG16" s="15">
        <v>4550</v>
      </c>
      <c r="BH16" s="15">
        <v>0</v>
      </c>
      <c r="BI16" s="15">
        <v>389315</v>
      </c>
      <c r="BJ16" s="15">
        <v>449432</v>
      </c>
      <c r="BK16" s="15">
        <v>1160405</v>
      </c>
      <c r="BL16" s="15">
        <v>364534</v>
      </c>
      <c r="BM16" s="15">
        <v>0</v>
      </c>
      <c r="BN16" s="15">
        <v>965256</v>
      </c>
      <c r="BO16" s="15">
        <v>532404</v>
      </c>
      <c r="BP16" s="15">
        <v>104582</v>
      </c>
      <c r="BQ16" s="15">
        <v>190613</v>
      </c>
      <c r="BR16" s="15">
        <v>66078</v>
      </c>
      <c r="BS16" s="15">
        <v>5478</v>
      </c>
      <c r="BT16" s="15">
        <v>0</v>
      </c>
      <c r="BU16" s="15">
        <v>2221</v>
      </c>
      <c r="BV16" s="15">
        <v>0</v>
      </c>
      <c r="BW16" s="15">
        <v>0</v>
      </c>
      <c r="BX16" s="15">
        <v>2221</v>
      </c>
      <c r="BY16" s="15">
        <v>0</v>
      </c>
      <c r="BZ16" s="15">
        <v>0</v>
      </c>
      <c r="CA16" s="15">
        <v>0</v>
      </c>
      <c r="CB16" s="15">
        <v>163432</v>
      </c>
      <c r="CC16" s="15">
        <v>432852</v>
      </c>
      <c r="CD16" s="15">
        <v>0</v>
      </c>
      <c r="CE16" s="15">
        <v>0</v>
      </c>
      <c r="CF16" s="15">
        <v>0</v>
      </c>
      <c r="CG16" s="15">
        <v>432852</v>
      </c>
      <c r="CH16" s="15">
        <v>138668</v>
      </c>
      <c r="CI16" s="15">
        <v>52255</v>
      </c>
      <c r="CJ16" s="15">
        <v>86413</v>
      </c>
      <c r="CK16" s="15">
        <v>86388</v>
      </c>
      <c r="CL16" s="15">
        <v>0</v>
      </c>
      <c r="CM16" s="15">
        <v>25</v>
      </c>
      <c r="CN16" s="15">
        <v>837322</v>
      </c>
      <c r="CO16" s="15">
        <v>817084</v>
      </c>
      <c r="CP16" s="15">
        <v>0</v>
      </c>
      <c r="CQ16" s="15">
        <v>20238</v>
      </c>
      <c r="CR16" s="15">
        <v>197692</v>
      </c>
      <c r="CS16" s="15">
        <v>257966</v>
      </c>
      <c r="CT16" s="15">
        <v>168773</v>
      </c>
      <c r="CU16" s="15">
        <v>89193</v>
      </c>
      <c r="CV16" s="15">
        <v>493469</v>
      </c>
      <c r="CW16" s="15">
        <v>24556</v>
      </c>
      <c r="CX16" s="15">
        <v>25</v>
      </c>
      <c r="CY16" s="15">
        <v>0</v>
      </c>
      <c r="CZ16" s="15">
        <v>12420</v>
      </c>
      <c r="DA16" s="15">
        <v>0</v>
      </c>
      <c r="DB16" s="15">
        <v>0</v>
      </c>
      <c r="DC16" s="15">
        <v>0</v>
      </c>
      <c r="DD16" s="15">
        <v>0</v>
      </c>
      <c r="DE16" s="15">
        <v>456468</v>
      </c>
      <c r="DF16" s="15">
        <v>0</v>
      </c>
      <c r="DG16" s="15">
        <v>0</v>
      </c>
      <c r="DH16" s="15">
        <v>456468</v>
      </c>
      <c r="DI16" s="15">
        <v>975079</v>
      </c>
      <c r="DJ16" s="15">
        <v>20117968</v>
      </c>
    </row>
    <row r="17" spans="1:114" s="13" customFormat="1" ht="17.25" customHeight="1">
      <c r="A17" s="6" t="s">
        <v>214</v>
      </c>
      <c r="B17" s="15">
        <v>22063548</v>
      </c>
      <c r="C17" s="15">
        <v>357677</v>
      </c>
      <c r="D17" s="15">
        <v>87046</v>
      </c>
      <c r="E17" s="15">
        <v>0</v>
      </c>
      <c r="F17" s="15">
        <v>0</v>
      </c>
      <c r="G17" s="15">
        <v>0</v>
      </c>
      <c r="H17" s="15">
        <v>248877</v>
      </c>
      <c r="I17" s="15">
        <v>0</v>
      </c>
      <c r="J17" s="15">
        <v>21754</v>
      </c>
      <c r="K17" s="15">
        <v>11034</v>
      </c>
      <c r="L17" s="15">
        <v>164067</v>
      </c>
      <c r="M17" s="15">
        <v>208467</v>
      </c>
      <c r="N17" s="15">
        <v>0</v>
      </c>
      <c r="O17" s="15">
        <v>3570789</v>
      </c>
      <c r="P17" s="15">
        <v>87784</v>
      </c>
      <c r="Q17" s="15">
        <v>0</v>
      </c>
      <c r="R17" s="15">
        <v>0</v>
      </c>
      <c r="S17" s="15">
        <v>65050</v>
      </c>
      <c r="T17" s="15">
        <v>205401</v>
      </c>
      <c r="U17" s="15">
        <v>335798</v>
      </c>
      <c r="V17" s="15">
        <v>4749118</v>
      </c>
      <c r="W17" s="15">
        <v>4604755</v>
      </c>
      <c r="X17" s="24">
        <v>144313</v>
      </c>
      <c r="Y17" s="15">
        <v>50</v>
      </c>
      <c r="Z17" s="15">
        <v>20857</v>
      </c>
      <c r="AA17" s="15">
        <v>238770</v>
      </c>
      <c r="AB17" s="15">
        <v>5981</v>
      </c>
      <c r="AC17" s="15">
        <v>232789</v>
      </c>
      <c r="AD17" s="15">
        <v>413575</v>
      </c>
      <c r="AE17" s="15">
        <v>80</v>
      </c>
      <c r="AF17" s="15">
        <v>0</v>
      </c>
      <c r="AG17" s="15">
        <v>80</v>
      </c>
      <c r="AH17" s="15">
        <v>0</v>
      </c>
      <c r="AI17" s="15">
        <v>46661</v>
      </c>
      <c r="AJ17" s="15">
        <v>37541</v>
      </c>
      <c r="AK17" s="15">
        <v>329293</v>
      </c>
      <c r="AL17" s="15">
        <v>153229</v>
      </c>
      <c r="AM17" s="15">
        <v>15949</v>
      </c>
      <c r="AN17" s="15">
        <v>137280</v>
      </c>
      <c r="AO17" s="15">
        <v>15866068</v>
      </c>
      <c r="AP17" s="15">
        <v>0</v>
      </c>
      <c r="AQ17" s="15">
        <v>2692184</v>
      </c>
      <c r="AR17" s="15">
        <v>1572939</v>
      </c>
      <c r="AS17" s="15">
        <v>1727006</v>
      </c>
      <c r="AT17" s="15">
        <v>1495531</v>
      </c>
      <c r="AU17" s="15">
        <v>0</v>
      </c>
      <c r="AV17" s="15">
        <v>517129</v>
      </c>
      <c r="AW17" s="15">
        <v>0</v>
      </c>
      <c r="AX17" s="15">
        <v>0</v>
      </c>
      <c r="AY17" s="15">
        <v>41714</v>
      </c>
      <c r="AZ17" s="15">
        <v>0</v>
      </c>
      <c r="BA17" s="15">
        <v>0</v>
      </c>
      <c r="BB17" s="15">
        <v>41714</v>
      </c>
      <c r="BC17" s="15">
        <v>0</v>
      </c>
      <c r="BD17" s="15">
        <v>488913</v>
      </c>
      <c r="BE17" s="15">
        <v>0</v>
      </c>
      <c r="BF17" s="15">
        <v>0</v>
      </c>
      <c r="BG17" s="15">
        <v>5814</v>
      </c>
      <c r="BH17" s="15">
        <v>0</v>
      </c>
      <c r="BI17" s="15">
        <v>763673</v>
      </c>
      <c r="BJ17" s="15">
        <v>2118619</v>
      </c>
      <c r="BK17" s="15">
        <v>3404479</v>
      </c>
      <c r="BL17" s="15">
        <v>1038067</v>
      </c>
      <c r="BM17" s="15">
        <v>0</v>
      </c>
      <c r="BN17" s="15">
        <v>3934115</v>
      </c>
      <c r="BO17" s="15">
        <v>2442779</v>
      </c>
      <c r="BP17" s="15">
        <v>670887</v>
      </c>
      <c r="BQ17" s="15">
        <v>863660</v>
      </c>
      <c r="BR17" s="15">
        <v>333687</v>
      </c>
      <c r="BS17" s="15">
        <v>1360</v>
      </c>
      <c r="BT17" s="15">
        <v>0</v>
      </c>
      <c r="BU17" s="15">
        <v>59735</v>
      </c>
      <c r="BV17" s="15">
        <v>0</v>
      </c>
      <c r="BW17" s="15">
        <v>0</v>
      </c>
      <c r="BX17" s="15">
        <v>59735</v>
      </c>
      <c r="BY17" s="15">
        <v>0</v>
      </c>
      <c r="BZ17" s="15">
        <v>0</v>
      </c>
      <c r="CA17" s="15">
        <v>3197</v>
      </c>
      <c r="CB17" s="15">
        <v>510253</v>
      </c>
      <c r="CC17" s="15">
        <v>1491336</v>
      </c>
      <c r="CD17" s="15">
        <v>40381</v>
      </c>
      <c r="CE17" s="15">
        <v>0</v>
      </c>
      <c r="CF17" s="15">
        <v>0</v>
      </c>
      <c r="CG17" s="15">
        <v>1450955</v>
      </c>
      <c r="CH17" s="15">
        <v>68992</v>
      </c>
      <c r="CI17" s="15">
        <v>49419</v>
      </c>
      <c r="CJ17" s="15">
        <v>19573</v>
      </c>
      <c r="CK17" s="15">
        <v>14670</v>
      </c>
      <c r="CL17" s="15">
        <v>0</v>
      </c>
      <c r="CM17" s="15">
        <v>4903</v>
      </c>
      <c r="CN17" s="15">
        <v>369353</v>
      </c>
      <c r="CO17" s="15">
        <v>313822</v>
      </c>
      <c r="CP17" s="15">
        <v>8450</v>
      </c>
      <c r="CQ17" s="15">
        <v>47081</v>
      </c>
      <c r="CR17" s="15">
        <v>1118268</v>
      </c>
      <c r="CS17" s="15">
        <v>1415197</v>
      </c>
      <c r="CT17" s="15">
        <v>1055185</v>
      </c>
      <c r="CU17" s="15">
        <v>360012</v>
      </c>
      <c r="CV17" s="15">
        <v>860988</v>
      </c>
      <c r="CW17" s="15">
        <v>71661</v>
      </c>
      <c r="CX17" s="15">
        <v>1</v>
      </c>
      <c r="CY17" s="15">
        <v>0</v>
      </c>
      <c r="CZ17" s="15">
        <v>302121</v>
      </c>
      <c r="DA17" s="15">
        <v>5862</v>
      </c>
      <c r="DB17" s="15">
        <v>5802</v>
      </c>
      <c r="DC17" s="15">
        <v>60</v>
      </c>
      <c r="DD17" s="15">
        <v>0</v>
      </c>
      <c r="DE17" s="15">
        <v>481343</v>
      </c>
      <c r="DF17" s="15">
        <v>0</v>
      </c>
      <c r="DG17" s="15">
        <v>0</v>
      </c>
      <c r="DH17" s="15">
        <v>481343</v>
      </c>
      <c r="DI17" s="15">
        <v>4149800</v>
      </c>
      <c r="DJ17" s="15">
        <v>60427945</v>
      </c>
    </row>
    <row r="18" spans="1:114" s="13" customFormat="1" ht="17.25" customHeight="1">
      <c r="A18" s="6" t="s">
        <v>215</v>
      </c>
      <c r="B18" s="15">
        <v>44195557</v>
      </c>
      <c r="C18" s="15">
        <v>530993</v>
      </c>
      <c r="D18" s="15">
        <v>131548</v>
      </c>
      <c r="E18" s="15">
        <v>0</v>
      </c>
      <c r="F18" s="15">
        <v>0</v>
      </c>
      <c r="G18" s="15">
        <v>0</v>
      </c>
      <c r="H18" s="15">
        <v>376117</v>
      </c>
      <c r="I18" s="15">
        <v>0</v>
      </c>
      <c r="J18" s="15">
        <v>23328</v>
      </c>
      <c r="K18" s="15">
        <v>17805</v>
      </c>
      <c r="L18" s="15">
        <v>265253</v>
      </c>
      <c r="M18" s="15">
        <v>337549</v>
      </c>
      <c r="N18" s="15">
        <v>0</v>
      </c>
      <c r="O18" s="15">
        <v>5764190</v>
      </c>
      <c r="P18" s="15">
        <v>146227</v>
      </c>
      <c r="Q18" s="15">
        <v>0</v>
      </c>
      <c r="R18" s="15">
        <v>0</v>
      </c>
      <c r="S18" s="15">
        <v>98294</v>
      </c>
      <c r="T18" s="15">
        <v>1220506</v>
      </c>
      <c r="U18" s="15">
        <v>579340</v>
      </c>
      <c r="V18" s="15">
        <v>37934</v>
      </c>
      <c r="W18" s="15">
        <v>0</v>
      </c>
      <c r="X18" s="24">
        <v>37903</v>
      </c>
      <c r="Y18" s="15">
        <v>31</v>
      </c>
      <c r="Z18" s="15">
        <v>38068</v>
      </c>
      <c r="AA18" s="15">
        <v>819368</v>
      </c>
      <c r="AB18" s="15">
        <v>490333</v>
      </c>
      <c r="AC18" s="15">
        <v>329035</v>
      </c>
      <c r="AD18" s="15">
        <v>619248</v>
      </c>
      <c r="AE18" s="15">
        <v>0</v>
      </c>
      <c r="AF18" s="15">
        <v>0</v>
      </c>
      <c r="AG18" s="15">
        <v>0</v>
      </c>
      <c r="AH18" s="15">
        <v>0</v>
      </c>
      <c r="AI18" s="15">
        <v>35976</v>
      </c>
      <c r="AJ18" s="15">
        <v>156849</v>
      </c>
      <c r="AK18" s="15">
        <v>426423</v>
      </c>
      <c r="AL18" s="15">
        <v>586016</v>
      </c>
      <c r="AM18" s="15">
        <v>21446</v>
      </c>
      <c r="AN18" s="15">
        <v>564570</v>
      </c>
      <c r="AO18" s="15">
        <v>22809823</v>
      </c>
      <c r="AP18" s="15">
        <v>0</v>
      </c>
      <c r="AQ18" s="15">
        <v>4502111</v>
      </c>
      <c r="AR18" s="15">
        <v>2833401</v>
      </c>
      <c r="AS18" s="15">
        <v>1995180</v>
      </c>
      <c r="AT18" s="15">
        <v>2243147</v>
      </c>
      <c r="AU18" s="15">
        <v>0</v>
      </c>
      <c r="AV18" s="15">
        <v>70782</v>
      </c>
      <c r="AW18" s="15">
        <v>0</v>
      </c>
      <c r="AX18" s="15">
        <v>0</v>
      </c>
      <c r="AY18" s="15">
        <v>60788</v>
      </c>
      <c r="AZ18" s="15">
        <v>0</v>
      </c>
      <c r="BA18" s="15">
        <v>0</v>
      </c>
      <c r="BB18" s="15">
        <v>60788</v>
      </c>
      <c r="BC18" s="15">
        <v>0</v>
      </c>
      <c r="BD18" s="15">
        <v>544738</v>
      </c>
      <c r="BE18" s="15">
        <v>0</v>
      </c>
      <c r="BF18" s="15">
        <v>0</v>
      </c>
      <c r="BG18" s="15">
        <v>0</v>
      </c>
      <c r="BH18" s="15">
        <v>0</v>
      </c>
      <c r="BI18" s="15">
        <v>553944</v>
      </c>
      <c r="BJ18" s="15">
        <v>3127779</v>
      </c>
      <c r="BK18" s="15">
        <v>4861307</v>
      </c>
      <c r="BL18" s="15">
        <v>2016646</v>
      </c>
      <c r="BM18" s="15">
        <v>0</v>
      </c>
      <c r="BN18" s="15">
        <v>5586811</v>
      </c>
      <c r="BO18" s="15">
        <v>3496644</v>
      </c>
      <c r="BP18" s="15">
        <v>1286028</v>
      </c>
      <c r="BQ18" s="15">
        <v>995946</v>
      </c>
      <c r="BR18" s="15">
        <v>497342</v>
      </c>
      <c r="BS18" s="15">
        <v>0</v>
      </c>
      <c r="BT18" s="15">
        <v>0</v>
      </c>
      <c r="BU18" s="15">
        <v>73958</v>
      </c>
      <c r="BV18" s="15">
        <v>0</v>
      </c>
      <c r="BW18" s="15">
        <v>0</v>
      </c>
      <c r="BX18" s="15">
        <v>73958</v>
      </c>
      <c r="BY18" s="15">
        <v>0</v>
      </c>
      <c r="BZ18" s="15">
        <v>0</v>
      </c>
      <c r="CA18" s="15">
        <v>8291</v>
      </c>
      <c r="CB18" s="15">
        <v>635079</v>
      </c>
      <c r="CC18" s="15">
        <v>2090167</v>
      </c>
      <c r="CD18" s="15">
        <v>0</v>
      </c>
      <c r="CE18" s="15">
        <v>0</v>
      </c>
      <c r="CF18" s="15">
        <v>0</v>
      </c>
      <c r="CG18" s="15">
        <v>2090167</v>
      </c>
      <c r="CH18" s="15">
        <v>973611</v>
      </c>
      <c r="CI18" s="15">
        <v>220760</v>
      </c>
      <c r="CJ18" s="15">
        <v>752851</v>
      </c>
      <c r="CK18" s="15">
        <v>752024</v>
      </c>
      <c r="CL18" s="15">
        <v>0</v>
      </c>
      <c r="CM18" s="15">
        <v>827</v>
      </c>
      <c r="CN18" s="15">
        <v>1016704</v>
      </c>
      <c r="CO18" s="15">
        <v>990127</v>
      </c>
      <c r="CP18" s="15">
        <v>0</v>
      </c>
      <c r="CQ18" s="15">
        <v>26577</v>
      </c>
      <c r="CR18" s="15">
        <v>2652085</v>
      </c>
      <c r="CS18" s="15">
        <v>5435503</v>
      </c>
      <c r="CT18" s="15">
        <v>4801336</v>
      </c>
      <c r="CU18" s="15">
        <v>634167</v>
      </c>
      <c r="CV18" s="15">
        <v>3279232</v>
      </c>
      <c r="CW18" s="15">
        <v>84536</v>
      </c>
      <c r="CX18" s="15">
        <v>66</v>
      </c>
      <c r="CY18" s="15">
        <v>33576</v>
      </c>
      <c r="CZ18" s="15">
        <v>1849212</v>
      </c>
      <c r="DA18" s="15">
        <v>0</v>
      </c>
      <c r="DB18" s="15">
        <v>0</v>
      </c>
      <c r="DC18" s="15">
        <v>0</v>
      </c>
      <c r="DD18" s="15">
        <v>0</v>
      </c>
      <c r="DE18" s="15">
        <v>1311842</v>
      </c>
      <c r="DF18" s="15">
        <v>0</v>
      </c>
      <c r="DG18" s="15">
        <v>0</v>
      </c>
      <c r="DH18" s="15">
        <v>1311842</v>
      </c>
      <c r="DI18" s="15">
        <v>7586700</v>
      </c>
      <c r="DJ18" s="15">
        <v>104596817</v>
      </c>
    </row>
    <row r="19" spans="1:114" s="13" customFormat="1" ht="17.25" customHeight="1">
      <c r="A19" s="6" t="s">
        <v>216</v>
      </c>
      <c r="B19" s="15">
        <v>36638738</v>
      </c>
      <c r="C19" s="15">
        <v>405717</v>
      </c>
      <c r="D19" s="15">
        <v>100115</v>
      </c>
      <c r="E19" s="15">
        <v>0</v>
      </c>
      <c r="F19" s="15">
        <v>0</v>
      </c>
      <c r="G19" s="15">
        <v>0</v>
      </c>
      <c r="H19" s="15">
        <v>286246</v>
      </c>
      <c r="I19" s="15">
        <v>0</v>
      </c>
      <c r="J19" s="15">
        <v>19356</v>
      </c>
      <c r="K19" s="15">
        <v>18993</v>
      </c>
      <c r="L19" s="15">
        <v>283190</v>
      </c>
      <c r="M19" s="15">
        <v>360601</v>
      </c>
      <c r="N19" s="15">
        <v>0</v>
      </c>
      <c r="O19" s="15">
        <v>5097981</v>
      </c>
      <c r="P19" s="15">
        <v>11546</v>
      </c>
      <c r="Q19" s="15">
        <v>0</v>
      </c>
      <c r="R19" s="15">
        <v>0</v>
      </c>
      <c r="S19" s="15">
        <v>74759</v>
      </c>
      <c r="T19" s="15">
        <v>310449</v>
      </c>
      <c r="U19" s="15">
        <v>507338</v>
      </c>
      <c r="V19" s="15">
        <v>2776968</v>
      </c>
      <c r="W19" s="15">
        <v>2467602</v>
      </c>
      <c r="X19" s="24">
        <v>309366</v>
      </c>
      <c r="Y19" s="15">
        <v>0</v>
      </c>
      <c r="Z19" s="15">
        <v>34410</v>
      </c>
      <c r="AA19" s="15">
        <v>810576</v>
      </c>
      <c r="AB19" s="15">
        <v>88032</v>
      </c>
      <c r="AC19" s="15">
        <v>722544</v>
      </c>
      <c r="AD19" s="15">
        <v>558568</v>
      </c>
      <c r="AE19" s="15">
        <v>0</v>
      </c>
      <c r="AF19" s="15">
        <v>0</v>
      </c>
      <c r="AG19" s="15">
        <v>0</v>
      </c>
      <c r="AH19" s="15">
        <v>0</v>
      </c>
      <c r="AI19" s="15">
        <v>54356</v>
      </c>
      <c r="AJ19" s="15">
        <v>206828</v>
      </c>
      <c r="AK19" s="15">
        <v>297384</v>
      </c>
      <c r="AL19" s="15">
        <v>950450</v>
      </c>
      <c r="AM19" s="15">
        <v>20871</v>
      </c>
      <c r="AN19" s="15">
        <v>929579</v>
      </c>
      <c r="AO19" s="15">
        <v>26379997</v>
      </c>
      <c r="AP19" s="15">
        <v>0</v>
      </c>
      <c r="AQ19" s="15">
        <v>4989408</v>
      </c>
      <c r="AR19" s="15">
        <v>3460653</v>
      </c>
      <c r="AS19" s="15">
        <v>2264373</v>
      </c>
      <c r="AT19" s="15">
        <v>2488704</v>
      </c>
      <c r="AU19" s="15">
        <v>0</v>
      </c>
      <c r="AV19" s="15">
        <v>1346243</v>
      </c>
      <c r="AW19" s="15">
        <v>0</v>
      </c>
      <c r="AX19" s="15">
        <v>0</v>
      </c>
      <c r="AY19" s="15">
        <v>68729</v>
      </c>
      <c r="AZ19" s="15">
        <v>0</v>
      </c>
      <c r="BA19" s="15">
        <v>0</v>
      </c>
      <c r="BB19" s="15">
        <v>68729</v>
      </c>
      <c r="BC19" s="15">
        <v>0</v>
      </c>
      <c r="BD19" s="15">
        <v>198252</v>
      </c>
      <c r="BE19" s="15">
        <v>409121</v>
      </c>
      <c r="BF19" s="15">
        <v>0</v>
      </c>
      <c r="BG19" s="15">
        <v>0</v>
      </c>
      <c r="BH19" s="15">
        <v>0</v>
      </c>
      <c r="BI19" s="15">
        <v>738539</v>
      </c>
      <c r="BJ19" s="15">
        <v>3346243</v>
      </c>
      <c r="BK19" s="15">
        <v>4704743</v>
      </c>
      <c r="BL19" s="15">
        <v>2364989</v>
      </c>
      <c r="BM19" s="15">
        <v>359992</v>
      </c>
      <c r="BN19" s="15">
        <v>6022868</v>
      </c>
      <c r="BO19" s="15">
        <v>4188902</v>
      </c>
      <c r="BP19" s="15">
        <v>1486677</v>
      </c>
      <c r="BQ19" s="15">
        <v>1107278</v>
      </c>
      <c r="BR19" s="15">
        <v>535757</v>
      </c>
      <c r="BS19" s="15">
        <v>248</v>
      </c>
      <c r="BT19" s="15">
        <v>0</v>
      </c>
      <c r="BU19" s="15">
        <v>82626</v>
      </c>
      <c r="BV19" s="15">
        <v>0</v>
      </c>
      <c r="BW19" s="15">
        <v>0</v>
      </c>
      <c r="BX19" s="15">
        <v>82626</v>
      </c>
      <c r="BY19" s="15">
        <v>0</v>
      </c>
      <c r="BZ19" s="15">
        <v>0</v>
      </c>
      <c r="CA19" s="15">
        <v>1752</v>
      </c>
      <c r="CB19" s="15">
        <v>974564</v>
      </c>
      <c r="CC19" s="15">
        <v>1833966</v>
      </c>
      <c r="CD19" s="15">
        <v>0</v>
      </c>
      <c r="CE19" s="15">
        <v>0</v>
      </c>
      <c r="CF19" s="15">
        <v>0</v>
      </c>
      <c r="CG19" s="15">
        <v>1833966</v>
      </c>
      <c r="CH19" s="15">
        <v>275451</v>
      </c>
      <c r="CI19" s="15">
        <v>83140</v>
      </c>
      <c r="CJ19" s="15">
        <v>192311</v>
      </c>
      <c r="CK19" s="15">
        <v>190785</v>
      </c>
      <c r="CL19" s="15">
        <v>0</v>
      </c>
      <c r="CM19" s="15">
        <v>1526</v>
      </c>
      <c r="CN19" s="15">
        <v>130235</v>
      </c>
      <c r="CO19" s="15">
        <v>125664</v>
      </c>
      <c r="CP19" s="15">
        <v>0</v>
      </c>
      <c r="CQ19" s="15">
        <v>4571</v>
      </c>
      <c r="CR19" s="15">
        <v>392438</v>
      </c>
      <c r="CS19" s="15">
        <v>1658143</v>
      </c>
      <c r="CT19" s="15">
        <v>1417056</v>
      </c>
      <c r="CU19" s="15">
        <v>241087</v>
      </c>
      <c r="CV19" s="15">
        <v>2103851</v>
      </c>
      <c r="CW19" s="15">
        <v>78382</v>
      </c>
      <c r="CX19" s="15">
        <v>18</v>
      </c>
      <c r="CY19" s="15">
        <v>300</v>
      </c>
      <c r="CZ19" s="15">
        <v>1195000</v>
      </c>
      <c r="DA19" s="15">
        <v>0</v>
      </c>
      <c r="DB19" s="15">
        <v>0</v>
      </c>
      <c r="DC19" s="15">
        <v>0</v>
      </c>
      <c r="DD19" s="15">
        <v>0</v>
      </c>
      <c r="DE19" s="15">
        <v>830151</v>
      </c>
      <c r="DF19" s="15">
        <v>0</v>
      </c>
      <c r="DG19" s="15">
        <v>0</v>
      </c>
      <c r="DH19" s="15">
        <v>830151</v>
      </c>
      <c r="DI19" s="15">
        <v>6909700</v>
      </c>
      <c r="DJ19" s="15">
        <v>93072959</v>
      </c>
    </row>
    <row r="20" spans="1:114" s="13" customFormat="1" ht="17.25" customHeight="1">
      <c r="A20" s="6" t="s">
        <v>185</v>
      </c>
      <c r="B20" s="15">
        <v>16556288</v>
      </c>
      <c r="C20" s="15">
        <v>225057</v>
      </c>
      <c r="D20" s="15">
        <v>55443</v>
      </c>
      <c r="E20" s="15">
        <v>0</v>
      </c>
      <c r="F20" s="15">
        <v>0</v>
      </c>
      <c r="G20" s="15">
        <v>0</v>
      </c>
      <c r="H20" s="15">
        <v>158520</v>
      </c>
      <c r="I20" s="15">
        <v>0</v>
      </c>
      <c r="J20" s="15">
        <v>11094</v>
      </c>
      <c r="K20" s="15">
        <v>7994</v>
      </c>
      <c r="L20" s="15">
        <v>119212</v>
      </c>
      <c r="M20" s="15">
        <v>151801</v>
      </c>
      <c r="N20" s="15">
        <v>0</v>
      </c>
      <c r="O20" s="15">
        <v>2308255</v>
      </c>
      <c r="P20" s="15">
        <v>20877</v>
      </c>
      <c r="Q20" s="15">
        <v>0</v>
      </c>
      <c r="R20" s="15">
        <v>0</v>
      </c>
      <c r="S20" s="15">
        <v>41421</v>
      </c>
      <c r="T20" s="15">
        <v>236148</v>
      </c>
      <c r="U20" s="15">
        <v>224576</v>
      </c>
      <c r="V20" s="15">
        <v>1513972</v>
      </c>
      <c r="W20" s="15">
        <v>1378735</v>
      </c>
      <c r="X20" s="24">
        <v>135231</v>
      </c>
      <c r="Y20" s="15">
        <v>6</v>
      </c>
      <c r="Z20" s="15">
        <v>13737</v>
      </c>
      <c r="AA20" s="15">
        <v>261007</v>
      </c>
      <c r="AB20" s="15">
        <v>49195</v>
      </c>
      <c r="AC20" s="15">
        <v>211812</v>
      </c>
      <c r="AD20" s="15">
        <v>250601</v>
      </c>
      <c r="AE20" s="15">
        <v>0</v>
      </c>
      <c r="AF20" s="15">
        <v>0</v>
      </c>
      <c r="AG20" s="15">
        <v>0</v>
      </c>
      <c r="AH20" s="15">
        <v>0</v>
      </c>
      <c r="AI20" s="15">
        <v>9331</v>
      </c>
      <c r="AJ20" s="15">
        <v>43404</v>
      </c>
      <c r="AK20" s="15">
        <v>197866</v>
      </c>
      <c r="AL20" s="15">
        <v>77825</v>
      </c>
      <c r="AM20" s="15">
        <v>10638</v>
      </c>
      <c r="AN20" s="15">
        <v>67187</v>
      </c>
      <c r="AO20" s="15">
        <v>9977758</v>
      </c>
      <c r="AP20" s="15">
        <v>0</v>
      </c>
      <c r="AQ20" s="15">
        <v>1669584</v>
      </c>
      <c r="AR20" s="15">
        <v>1269791</v>
      </c>
      <c r="AS20" s="15">
        <v>857441</v>
      </c>
      <c r="AT20" s="15">
        <v>977490</v>
      </c>
      <c r="AU20" s="15">
        <v>0</v>
      </c>
      <c r="AV20" s="15">
        <v>48939</v>
      </c>
      <c r="AW20" s="15">
        <v>0</v>
      </c>
      <c r="AX20" s="15">
        <v>0</v>
      </c>
      <c r="AY20" s="15">
        <v>33013</v>
      </c>
      <c r="AZ20" s="15">
        <v>0</v>
      </c>
      <c r="BA20" s="15">
        <v>0</v>
      </c>
      <c r="BB20" s="15">
        <v>33013</v>
      </c>
      <c r="BC20" s="15">
        <v>0</v>
      </c>
      <c r="BD20" s="15">
        <v>381155</v>
      </c>
      <c r="BE20" s="15">
        <v>0</v>
      </c>
      <c r="BF20" s="15">
        <v>0</v>
      </c>
      <c r="BG20" s="15">
        <v>0</v>
      </c>
      <c r="BH20" s="15">
        <v>0</v>
      </c>
      <c r="BI20" s="15">
        <v>346998</v>
      </c>
      <c r="BJ20" s="15">
        <v>1339741</v>
      </c>
      <c r="BK20" s="15">
        <v>2177080</v>
      </c>
      <c r="BL20" s="15">
        <v>876526</v>
      </c>
      <c r="BM20" s="15">
        <v>0</v>
      </c>
      <c r="BN20" s="15">
        <v>2599108</v>
      </c>
      <c r="BO20" s="15">
        <v>1746822</v>
      </c>
      <c r="BP20" s="15">
        <v>565883</v>
      </c>
      <c r="BQ20" s="15">
        <v>452448</v>
      </c>
      <c r="BR20" s="15">
        <v>211999</v>
      </c>
      <c r="BS20" s="15">
        <v>44255</v>
      </c>
      <c r="BT20" s="15">
        <v>0</v>
      </c>
      <c r="BU20" s="15">
        <v>46208</v>
      </c>
      <c r="BV20" s="15">
        <v>0</v>
      </c>
      <c r="BW20" s="15">
        <v>0</v>
      </c>
      <c r="BX20" s="15">
        <v>46208</v>
      </c>
      <c r="BY20" s="15">
        <v>0</v>
      </c>
      <c r="BZ20" s="15">
        <v>0</v>
      </c>
      <c r="CA20" s="15">
        <v>933</v>
      </c>
      <c r="CB20" s="15">
        <v>425096</v>
      </c>
      <c r="CC20" s="15">
        <v>852286</v>
      </c>
      <c r="CD20" s="15">
        <v>0</v>
      </c>
      <c r="CE20" s="15">
        <v>0</v>
      </c>
      <c r="CF20" s="15">
        <v>0</v>
      </c>
      <c r="CG20" s="15">
        <v>852286</v>
      </c>
      <c r="CH20" s="15">
        <v>15024</v>
      </c>
      <c r="CI20" s="15">
        <v>11384</v>
      </c>
      <c r="CJ20" s="15">
        <v>3640</v>
      </c>
      <c r="CK20" s="15">
        <v>3196</v>
      </c>
      <c r="CL20" s="15">
        <v>0</v>
      </c>
      <c r="CM20" s="15">
        <v>444</v>
      </c>
      <c r="CN20" s="15">
        <v>47160</v>
      </c>
      <c r="CO20" s="15">
        <v>41096</v>
      </c>
      <c r="CP20" s="15">
        <v>2800</v>
      </c>
      <c r="CQ20" s="15">
        <v>3264</v>
      </c>
      <c r="CR20" s="15">
        <v>99412</v>
      </c>
      <c r="CS20" s="15">
        <v>1209306</v>
      </c>
      <c r="CT20" s="15">
        <v>1186412</v>
      </c>
      <c r="CU20" s="15">
        <v>22894</v>
      </c>
      <c r="CV20" s="15">
        <v>602834</v>
      </c>
      <c r="CW20" s="15">
        <v>26087</v>
      </c>
      <c r="CX20" s="15">
        <v>31</v>
      </c>
      <c r="CY20" s="15">
        <v>0</v>
      </c>
      <c r="CZ20" s="15">
        <v>283655</v>
      </c>
      <c r="DA20" s="15">
        <v>0</v>
      </c>
      <c r="DB20" s="15">
        <v>0</v>
      </c>
      <c r="DC20" s="15">
        <v>0</v>
      </c>
      <c r="DD20" s="15">
        <v>0</v>
      </c>
      <c r="DE20" s="15">
        <v>293061</v>
      </c>
      <c r="DF20" s="15">
        <v>0</v>
      </c>
      <c r="DG20" s="15">
        <v>0</v>
      </c>
      <c r="DH20" s="15">
        <v>293061</v>
      </c>
      <c r="DI20" s="15">
        <v>2034000</v>
      </c>
      <c r="DJ20" s="15">
        <v>38593373</v>
      </c>
    </row>
    <row r="21" spans="1:114" s="13" customFormat="1" ht="17.25" customHeight="1">
      <c r="A21" s="6" t="s">
        <v>217</v>
      </c>
      <c r="B21" s="15">
        <v>23749673</v>
      </c>
      <c r="C21" s="15">
        <v>276526</v>
      </c>
      <c r="D21" s="15">
        <v>68842</v>
      </c>
      <c r="E21" s="15">
        <v>0</v>
      </c>
      <c r="F21" s="15">
        <v>0</v>
      </c>
      <c r="G21" s="15">
        <v>0</v>
      </c>
      <c r="H21" s="15">
        <v>196830</v>
      </c>
      <c r="I21" s="15">
        <v>0</v>
      </c>
      <c r="J21" s="15">
        <v>10854</v>
      </c>
      <c r="K21" s="15">
        <v>10731</v>
      </c>
      <c r="L21" s="15">
        <v>160458</v>
      </c>
      <c r="M21" s="15">
        <v>204739</v>
      </c>
      <c r="N21" s="15">
        <v>0</v>
      </c>
      <c r="O21" s="15">
        <v>3024512</v>
      </c>
      <c r="P21" s="15">
        <v>0</v>
      </c>
      <c r="Q21" s="15">
        <v>0</v>
      </c>
      <c r="R21" s="15">
        <v>0</v>
      </c>
      <c r="S21" s="15">
        <v>51559</v>
      </c>
      <c r="T21" s="15">
        <v>257452</v>
      </c>
      <c r="U21" s="15">
        <v>307385</v>
      </c>
      <c r="V21" s="15">
        <v>420304</v>
      </c>
      <c r="W21" s="15">
        <v>290916</v>
      </c>
      <c r="X21" s="24">
        <v>129388</v>
      </c>
      <c r="Y21" s="15">
        <v>0</v>
      </c>
      <c r="Z21" s="15">
        <v>17932</v>
      </c>
      <c r="AA21" s="15">
        <v>368369</v>
      </c>
      <c r="AB21" s="15">
        <v>110999</v>
      </c>
      <c r="AC21" s="15">
        <v>257370</v>
      </c>
      <c r="AD21" s="15">
        <v>242688</v>
      </c>
      <c r="AE21" s="15">
        <v>0</v>
      </c>
      <c r="AF21" s="15">
        <v>0</v>
      </c>
      <c r="AG21" s="15">
        <v>0</v>
      </c>
      <c r="AH21" s="15">
        <v>0</v>
      </c>
      <c r="AI21" s="15">
        <v>68228</v>
      </c>
      <c r="AJ21" s="15">
        <v>43035</v>
      </c>
      <c r="AK21" s="15">
        <v>131425</v>
      </c>
      <c r="AL21" s="15">
        <v>319567</v>
      </c>
      <c r="AM21" s="15">
        <v>13713</v>
      </c>
      <c r="AN21" s="15">
        <v>305854</v>
      </c>
      <c r="AO21" s="15">
        <v>13890285</v>
      </c>
      <c r="AP21" s="15">
        <v>0</v>
      </c>
      <c r="AQ21" s="15">
        <v>1605836</v>
      </c>
      <c r="AR21" s="15">
        <v>1521929</v>
      </c>
      <c r="AS21" s="15">
        <v>1111627</v>
      </c>
      <c r="AT21" s="15">
        <v>1426962</v>
      </c>
      <c r="AU21" s="15">
        <v>0</v>
      </c>
      <c r="AV21" s="15">
        <v>353128</v>
      </c>
      <c r="AW21" s="15">
        <v>0</v>
      </c>
      <c r="AX21" s="15">
        <v>0</v>
      </c>
      <c r="AY21" s="15">
        <v>30028</v>
      </c>
      <c r="AZ21" s="15">
        <v>0</v>
      </c>
      <c r="BA21" s="15">
        <v>0</v>
      </c>
      <c r="BB21" s="15">
        <v>30028</v>
      </c>
      <c r="BC21" s="15">
        <v>0</v>
      </c>
      <c r="BD21" s="15">
        <v>719679</v>
      </c>
      <c r="BE21" s="15">
        <v>0</v>
      </c>
      <c r="BF21" s="15">
        <v>0</v>
      </c>
      <c r="BG21" s="15">
        <v>0</v>
      </c>
      <c r="BH21" s="15">
        <v>0</v>
      </c>
      <c r="BI21" s="15">
        <v>659232</v>
      </c>
      <c r="BJ21" s="15">
        <v>1980739</v>
      </c>
      <c r="BK21" s="15">
        <v>3031904</v>
      </c>
      <c r="BL21" s="15">
        <v>1449221</v>
      </c>
      <c r="BM21" s="15">
        <v>0</v>
      </c>
      <c r="BN21" s="15">
        <v>3130129</v>
      </c>
      <c r="BO21" s="15">
        <v>2150099</v>
      </c>
      <c r="BP21" s="15">
        <v>667515</v>
      </c>
      <c r="BQ21" s="15">
        <v>547021</v>
      </c>
      <c r="BR21" s="15">
        <v>307266</v>
      </c>
      <c r="BS21" s="15">
        <v>9762</v>
      </c>
      <c r="BT21" s="15">
        <v>0</v>
      </c>
      <c r="BU21" s="15">
        <v>60207</v>
      </c>
      <c r="BV21" s="15">
        <v>0</v>
      </c>
      <c r="BW21" s="15">
        <v>0</v>
      </c>
      <c r="BX21" s="15">
        <v>60207</v>
      </c>
      <c r="BY21" s="15">
        <v>0</v>
      </c>
      <c r="BZ21" s="15">
        <v>0</v>
      </c>
      <c r="CA21" s="15">
        <v>15995</v>
      </c>
      <c r="CB21" s="15">
        <v>542333</v>
      </c>
      <c r="CC21" s="15">
        <v>980030</v>
      </c>
      <c r="CD21" s="15">
        <v>0</v>
      </c>
      <c r="CE21" s="15">
        <v>0</v>
      </c>
      <c r="CF21" s="15">
        <v>6869</v>
      </c>
      <c r="CG21" s="15">
        <v>973161</v>
      </c>
      <c r="CH21" s="15">
        <v>272410</v>
      </c>
      <c r="CI21" s="15">
        <v>22448</v>
      </c>
      <c r="CJ21" s="15">
        <v>249962</v>
      </c>
      <c r="CK21" s="15">
        <v>248051</v>
      </c>
      <c r="CL21" s="15">
        <v>0</v>
      </c>
      <c r="CM21" s="15">
        <v>1911</v>
      </c>
      <c r="CN21" s="15">
        <v>933909</v>
      </c>
      <c r="CO21" s="15">
        <v>923305</v>
      </c>
      <c r="CP21" s="15">
        <v>0</v>
      </c>
      <c r="CQ21" s="15">
        <v>10604</v>
      </c>
      <c r="CR21" s="15">
        <v>1731865</v>
      </c>
      <c r="CS21" s="15">
        <v>2828378</v>
      </c>
      <c r="CT21" s="15">
        <v>1988166</v>
      </c>
      <c r="CU21" s="15">
        <v>840212</v>
      </c>
      <c r="CV21" s="15">
        <v>3105379</v>
      </c>
      <c r="CW21" s="15">
        <v>15788</v>
      </c>
      <c r="CX21" s="15">
        <v>37</v>
      </c>
      <c r="CY21" s="15">
        <v>0</v>
      </c>
      <c r="CZ21" s="15">
        <v>136800</v>
      </c>
      <c r="DA21" s="15">
        <v>0</v>
      </c>
      <c r="DB21" s="15">
        <v>0</v>
      </c>
      <c r="DC21" s="15">
        <v>0</v>
      </c>
      <c r="DD21" s="15">
        <v>0</v>
      </c>
      <c r="DE21" s="15">
        <v>2952754</v>
      </c>
      <c r="DF21" s="15">
        <v>0</v>
      </c>
      <c r="DG21" s="15">
        <v>0</v>
      </c>
      <c r="DH21" s="15">
        <v>2952754</v>
      </c>
      <c r="DI21" s="15">
        <v>2443138</v>
      </c>
      <c r="DJ21" s="15">
        <v>57747388</v>
      </c>
    </row>
    <row r="22" spans="1:114" s="13" customFormat="1" ht="17.25" customHeight="1">
      <c r="A22" s="6" t="s">
        <v>218</v>
      </c>
      <c r="B22" s="15">
        <v>18971133</v>
      </c>
      <c r="C22" s="15">
        <v>228052</v>
      </c>
      <c r="D22" s="15">
        <v>56364</v>
      </c>
      <c r="E22" s="15">
        <v>0</v>
      </c>
      <c r="F22" s="15">
        <v>0</v>
      </c>
      <c r="G22" s="15">
        <v>0</v>
      </c>
      <c r="H22" s="15">
        <v>161156</v>
      </c>
      <c r="I22" s="15">
        <v>0</v>
      </c>
      <c r="J22" s="15">
        <v>10532</v>
      </c>
      <c r="K22" s="15">
        <v>9394</v>
      </c>
      <c r="L22" s="15">
        <v>140052</v>
      </c>
      <c r="M22" s="15">
        <v>178303</v>
      </c>
      <c r="N22" s="15">
        <v>0</v>
      </c>
      <c r="O22" s="15">
        <v>2747756</v>
      </c>
      <c r="P22" s="15">
        <v>0</v>
      </c>
      <c r="Q22" s="15">
        <v>0</v>
      </c>
      <c r="R22" s="15">
        <v>0</v>
      </c>
      <c r="S22" s="15">
        <v>42050</v>
      </c>
      <c r="T22" s="15">
        <v>187278</v>
      </c>
      <c r="U22" s="15">
        <v>281612</v>
      </c>
      <c r="V22" s="15">
        <v>3280194</v>
      </c>
      <c r="W22" s="15">
        <v>3133403</v>
      </c>
      <c r="X22" s="24">
        <v>146791</v>
      </c>
      <c r="Y22" s="15">
        <v>0</v>
      </c>
      <c r="Z22" s="15">
        <v>16393</v>
      </c>
      <c r="AA22" s="15">
        <v>144502</v>
      </c>
      <c r="AB22" s="15">
        <v>4225</v>
      </c>
      <c r="AC22" s="15">
        <v>140277</v>
      </c>
      <c r="AD22" s="15">
        <v>303710</v>
      </c>
      <c r="AE22" s="15">
        <v>0</v>
      </c>
      <c r="AF22" s="15">
        <v>0</v>
      </c>
      <c r="AG22" s="15">
        <v>0</v>
      </c>
      <c r="AH22" s="15">
        <v>0</v>
      </c>
      <c r="AI22" s="15">
        <v>52922</v>
      </c>
      <c r="AJ22" s="15">
        <v>78716</v>
      </c>
      <c r="AK22" s="15">
        <v>172072</v>
      </c>
      <c r="AL22" s="15">
        <v>125580</v>
      </c>
      <c r="AM22" s="15">
        <v>15858</v>
      </c>
      <c r="AN22" s="15">
        <v>109722</v>
      </c>
      <c r="AO22" s="15">
        <v>13449299</v>
      </c>
      <c r="AP22" s="15">
        <v>0</v>
      </c>
      <c r="AQ22" s="15">
        <v>2904177</v>
      </c>
      <c r="AR22" s="15">
        <v>1177398</v>
      </c>
      <c r="AS22" s="15">
        <v>1221602</v>
      </c>
      <c r="AT22" s="15">
        <v>1283753</v>
      </c>
      <c r="AU22" s="15">
        <v>0</v>
      </c>
      <c r="AV22" s="15">
        <v>101574</v>
      </c>
      <c r="AW22" s="15">
        <v>0</v>
      </c>
      <c r="AX22" s="15">
        <v>0</v>
      </c>
      <c r="AY22" s="15">
        <v>35762</v>
      </c>
      <c r="AZ22" s="15">
        <v>0</v>
      </c>
      <c r="BA22" s="15">
        <v>0</v>
      </c>
      <c r="BB22" s="15">
        <v>35762</v>
      </c>
      <c r="BC22" s="15">
        <v>0</v>
      </c>
      <c r="BD22" s="15">
        <v>81079</v>
      </c>
      <c r="BE22" s="15">
        <v>78718</v>
      </c>
      <c r="BF22" s="15">
        <v>0</v>
      </c>
      <c r="BG22" s="15">
        <v>0</v>
      </c>
      <c r="BH22" s="15">
        <v>0</v>
      </c>
      <c r="BI22" s="15">
        <v>342369</v>
      </c>
      <c r="BJ22" s="15">
        <v>1826198</v>
      </c>
      <c r="BK22" s="15">
        <v>2460790</v>
      </c>
      <c r="BL22" s="15">
        <v>1935879</v>
      </c>
      <c r="BM22" s="15">
        <v>257578</v>
      </c>
      <c r="BN22" s="15">
        <v>3028516</v>
      </c>
      <c r="BO22" s="15">
        <v>2092494</v>
      </c>
      <c r="BP22" s="15">
        <v>508718</v>
      </c>
      <c r="BQ22" s="15">
        <v>610753</v>
      </c>
      <c r="BR22" s="15">
        <v>280695</v>
      </c>
      <c r="BS22" s="15">
        <v>2321</v>
      </c>
      <c r="BT22" s="15">
        <v>0</v>
      </c>
      <c r="BU22" s="15">
        <v>55550</v>
      </c>
      <c r="BV22" s="15">
        <v>0</v>
      </c>
      <c r="BW22" s="15">
        <v>0</v>
      </c>
      <c r="BX22" s="15">
        <v>55550</v>
      </c>
      <c r="BY22" s="15">
        <v>0</v>
      </c>
      <c r="BZ22" s="15">
        <v>0</v>
      </c>
      <c r="CA22" s="15">
        <v>2753</v>
      </c>
      <c r="CB22" s="15">
        <v>631704</v>
      </c>
      <c r="CC22" s="15">
        <v>936022</v>
      </c>
      <c r="CD22" s="15">
        <v>0</v>
      </c>
      <c r="CE22" s="15">
        <v>0</v>
      </c>
      <c r="CF22" s="15">
        <v>1132</v>
      </c>
      <c r="CG22" s="15">
        <v>934890</v>
      </c>
      <c r="CH22" s="15">
        <v>18983</v>
      </c>
      <c r="CI22" s="15">
        <v>8230</v>
      </c>
      <c r="CJ22" s="15">
        <v>10753</v>
      </c>
      <c r="CK22" s="15">
        <v>9336</v>
      </c>
      <c r="CL22" s="15">
        <v>0</v>
      </c>
      <c r="CM22" s="15">
        <v>1417</v>
      </c>
      <c r="CN22" s="15">
        <v>4211</v>
      </c>
      <c r="CO22" s="15">
        <v>338</v>
      </c>
      <c r="CP22" s="15">
        <v>0</v>
      </c>
      <c r="CQ22" s="15">
        <v>3873</v>
      </c>
      <c r="CR22" s="15">
        <v>3314523</v>
      </c>
      <c r="CS22" s="15">
        <v>1918884</v>
      </c>
      <c r="CT22" s="15">
        <v>1788855</v>
      </c>
      <c r="CU22" s="15">
        <v>130029</v>
      </c>
      <c r="CV22" s="15">
        <v>582363</v>
      </c>
      <c r="CW22" s="15">
        <v>32389</v>
      </c>
      <c r="CX22" s="15">
        <v>41</v>
      </c>
      <c r="CY22" s="15">
        <v>0</v>
      </c>
      <c r="CZ22" s="15">
        <v>65970</v>
      </c>
      <c r="DA22" s="15">
        <v>0</v>
      </c>
      <c r="DB22" s="15">
        <v>0</v>
      </c>
      <c r="DC22" s="15">
        <v>0</v>
      </c>
      <c r="DD22" s="15">
        <v>0</v>
      </c>
      <c r="DE22" s="15">
        <v>483963</v>
      </c>
      <c r="DF22" s="15">
        <v>0</v>
      </c>
      <c r="DG22" s="15">
        <v>0</v>
      </c>
      <c r="DH22" s="15">
        <v>483963</v>
      </c>
      <c r="DI22" s="15">
        <v>2359088</v>
      </c>
      <c r="DJ22" s="15">
        <v>51589454</v>
      </c>
    </row>
    <row r="23" spans="1:114" s="13" customFormat="1" ht="17.25" customHeight="1">
      <c r="A23" s="6" t="s">
        <v>186</v>
      </c>
      <c r="B23" s="15">
        <v>6744893</v>
      </c>
      <c r="C23" s="15">
        <v>103097</v>
      </c>
      <c r="D23" s="15">
        <v>24288</v>
      </c>
      <c r="E23" s="15">
        <v>0</v>
      </c>
      <c r="F23" s="15">
        <v>0</v>
      </c>
      <c r="G23" s="15">
        <v>0</v>
      </c>
      <c r="H23" s="15">
        <v>69445</v>
      </c>
      <c r="I23" s="15">
        <v>0</v>
      </c>
      <c r="J23" s="15">
        <v>9364</v>
      </c>
      <c r="K23" s="15">
        <v>2790</v>
      </c>
      <c r="L23" s="15">
        <v>41452</v>
      </c>
      <c r="M23" s="15">
        <v>52632</v>
      </c>
      <c r="N23" s="15">
        <v>0</v>
      </c>
      <c r="O23" s="15">
        <v>925710</v>
      </c>
      <c r="P23" s="15">
        <v>0</v>
      </c>
      <c r="Q23" s="15">
        <v>0</v>
      </c>
      <c r="R23" s="15">
        <v>0</v>
      </c>
      <c r="S23" s="15">
        <v>18184</v>
      </c>
      <c r="T23" s="15">
        <v>69818</v>
      </c>
      <c r="U23" s="15">
        <v>68979</v>
      </c>
      <c r="V23" s="15">
        <v>1547788</v>
      </c>
      <c r="W23" s="15">
        <v>1487097</v>
      </c>
      <c r="X23" s="24">
        <v>60632</v>
      </c>
      <c r="Y23" s="15">
        <v>59</v>
      </c>
      <c r="Z23" s="15">
        <v>4484</v>
      </c>
      <c r="AA23" s="15">
        <v>71170</v>
      </c>
      <c r="AB23" s="15">
        <v>32147</v>
      </c>
      <c r="AC23" s="15">
        <v>39023</v>
      </c>
      <c r="AD23" s="15">
        <v>159559</v>
      </c>
      <c r="AE23" s="15">
        <v>0</v>
      </c>
      <c r="AF23" s="15">
        <v>0</v>
      </c>
      <c r="AG23" s="15">
        <v>0</v>
      </c>
      <c r="AH23" s="15">
        <v>0</v>
      </c>
      <c r="AI23" s="15">
        <v>15688</v>
      </c>
      <c r="AJ23" s="15">
        <v>55525</v>
      </c>
      <c r="AK23" s="15">
        <v>88346</v>
      </c>
      <c r="AL23" s="15">
        <v>73878</v>
      </c>
      <c r="AM23" s="15">
        <v>10605</v>
      </c>
      <c r="AN23" s="15">
        <v>63273</v>
      </c>
      <c r="AO23" s="15">
        <v>3605014</v>
      </c>
      <c r="AP23" s="15">
        <v>0</v>
      </c>
      <c r="AQ23" s="15">
        <v>585507</v>
      </c>
      <c r="AR23" s="15">
        <v>406805</v>
      </c>
      <c r="AS23" s="15">
        <v>369607</v>
      </c>
      <c r="AT23" s="15">
        <v>372313</v>
      </c>
      <c r="AU23" s="15">
        <v>0</v>
      </c>
      <c r="AV23" s="15">
        <v>72794</v>
      </c>
      <c r="AW23" s="15">
        <v>0</v>
      </c>
      <c r="AX23" s="15">
        <v>0</v>
      </c>
      <c r="AY23" s="15">
        <v>10858</v>
      </c>
      <c r="AZ23" s="15">
        <v>0</v>
      </c>
      <c r="BA23" s="15">
        <v>0</v>
      </c>
      <c r="BB23" s="15">
        <v>10858</v>
      </c>
      <c r="BC23" s="15">
        <v>0</v>
      </c>
      <c r="BD23" s="15">
        <v>4010</v>
      </c>
      <c r="BE23" s="15">
        <v>0</v>
      </c>
      <c r="BF23" s="15">
        <v>0</v>
      </c>
      <c r="BG23" s="15">
        <v>66173</v>
      </c>
      <c r="BH23" s="15">
        <v>0</v>
      </c>
      <c r="BI23" s="15">
        <v>203602</v>
      </c>
      <c r="BJ23" s="15">
        <v>524477</v>
      </c>
      <c r="BK23" s="15">
        <v>714407</v>
      </c>
      <c r="BL23" s="15">
        <v>274461</v>
      </c>
      <c r="BM23" s="15">
        <v>0</v>
      </c>
      <c r="BN23" s="15">
        <v>1090778</v>
      </c>
      <c r="BO23" s="15">
        <v>594889</v>
      </c>
      <c r="BP23" s="15">
        <v>196631</v>
      </c>
      <c r="BQ23" s="15">
        <v>178940</v>
      </c>
      <c r="BR23" s="15">
        <v>83650</v>
      </c>
      <c r="BS23" s="15">
        <v>17008</v>
      </c>
      <c r="BT23" s="15">
        <v>1079</v>
      </c>
      <c r="BU23" s="15">
        <v>28751</v>
      </c>
      <c r="BV23" s="15">
        <v>0</v>
      </c>
      <c r="BW23" s="15">
        <v>0</v>
      </c>
      <c r="BX23" s="15">
        <v>28751</v>
      </c>
      <c r="BY23" s="15">
        <v>4400</v>
      </c>
      <c r="BZ23" s="15">
        <v>0</v>
      </c>
      <c r="CA23" s="15">
        <v>0</v>
      </c>
      <c r="CB23" s="15">
        <v>84430</v>
      </c>
      <c r="CC23" s="15">
        <v>495889</v>
      </c>
      <c r="CD23" s="15">
        <v>0</v>
      </c>
      <c r="CE23" s="15">
        <v>0</v>
      </c>
      <c r="CF23" s="15">
        <v>0</v>
      </c>
      <c r="CG23" s="15">
        <v>495889</v>
      </c>
      <c r="CH23" s="15">
        <v>65070</v>
      </c>
      <c r="CI23" s="15">
        <v>44089</v>
      </c>
      <c r="CJ23" s="15">
        <v>20981</v>
      </c>
      <c r="CK23" s="15">
        <v>18839</v>
      </c>
      <c r="CL23" s="15">
        <v>0</v>
      </c>
      <c r="CM23" s="15">
        <v>2142</v>
      </c>
      <c r="CN23" s="15">
        <v>2928555</v>
      </c>
      <c r="CO23" s="15">
        <v>2921260</v>
      </c>
      <c r="CP23" s="15">
        <v>4000</v>
      </c>
      <c r="CQ23" s="15">
        <v>3295</v>
      </c>
      <c r="CR23" s="15">
        <v>1115567</v>
      </c>
      <c r="CS23" s="15">
        <v>875035</v>
      </c>
      <c r="CT23" s="15">
        <v>848607</v>
      </c>
      <c r="CU23" s="15">
        <v>26428</v>
      </c>
      <c r="CV23" s="15">
        <v>493290</v>
      </c>
      <c r="CW23" s="15">
        <v>13640</v>
      </c>
      <c r="CX23" s="15">
        <v>74</v>
      </c>
      <c r="CY23" s="15">
        <v>0</v>
      </c>
      <c r="CZ23" s="15">
        <v>36060</v>
      </c>
      <c r="DA23" s="15">
        <v>0</v>
      </c>
      <c r="DB23" s="15">
        <v>0</v>
      </c>
      <c r="DC23" s="15">
        <v>0</v>
      </c>
      <c r="DD23" s="15">
        <v>0</v>
      </c>
      <c r="DE23" s="15">
        <v>443516</v>
      </c>
      <c r="DF23" s="15">
        <v>824</v>
      </c>
      <c r="DG23" s="15">
        <v>0</v>
      </c>
      <c r="DH23" s="15">
        <v>442692</v>
      </c>
      <c r="DI23" s="15">
        <v>806100</v>
      </c>
      <c r="DJ23" s="15">
        <v>20863843</v>
      </c>
    </row>
    <row r="24" spans="1:114" ht="17.25" customHeight="1">
      <c r="A24" s="18" t="s">
        <v>187</v>
      </c>
      <c r="B24" s="19">
        <v>12908131</v>
      </c>
      <c r="C24" s="19">
        <v>178291</v>
      </c>
      <c r="D24" s="19">
        <v>44391</v>
      </c>
      <c r="E24" s="19">
        <v>0</v>
      </c>
      <c r="F24" s="19">
        <v>0</v>
      </c>
      <c r="G24" s="19">
        <v>0</v>
      </c>
      <c r="H24" s="19">
        <v>126922</v>
      </c>
      <c r="I24" s="19">
        <v>0</v>
      </c>
      <c r="J24" s="19">
        <v>6978</v>
      </c>
      <c r="K24" s="19">
        <v>5713</v>
      </c>
      <c r="L24" s="19">
        <v>85043</v>
      </c>
      <c r="M24" s="19">
        <v>108135</v>
      </c>
      <c r="N24" s="19">
        <v>0</v>
      </c>
      <c r="O24" s="19">
        <v>1932952</v>
      </c>
      <c r="P24" s="19">
        <v>14417</v>
      </c>
      <c r="Q24" s="19">
        <v>0</v>
      </c>
      <c r="R24" s="19">
        <v>0</v>
      </c>
      <c r="S24" s="19">
        <v>33200</v>
      </c>
      <c r="T24" s="19">
        <v>159171</v>
      </c>
      <c r="U24" s="19">
        <v>260024</v>
      </c>
      <c r="V24" s="19">
        <v>2026681</v>
      </c>
      <c r="W24" s="19">
        <v>1875058</v>
      </c>
      <c r="X24" s="25">
        <v>151623</v>
      </c>
      <c r="Y24" s="19">
        <v>0</v>
      </c>
      <c r="Z24" s="19">
        <v>13465</v>
      </c>
      <c r="AA24" s="19">
        <v>124627</v>
      </c>
      <c r="AB24" s="19">
        <v>12378</v>
      </c>
      <c r="AC24" s="19">
        <v>112249</v>
      </c>
      <c r="AD24" s="19">
        <v>102707</v>
      </c>
      <c r="AE24" s="19">
        <v>0</v>
      </c>
      <c r="AF24" s="19">
        <v>0</v>
      </c>
      <c r="AG24" s="19">
        <v>0</v>
      </c>
      <c r="AH24" s="19">
        <v>0</v>
      </c>
      <c r="AI24" s="19">
        <v>25637</v>
      </c>
      <c r="AJ24" s="19">
        <v>12342</v>
      </c>
      <c r="AK24" s="19">
        <v>64728</v>
      </c>
      <c r="AL24" s="19">
        <v>70528</v>
      </c>
      <c r="AM24" s="19">
        <v>12119</v>
      </c>
      <c r="AN24" s="19">
        <v>58409</v>
      </c>
      <c r="AO24" s="19">
        <v>9738630</v>
      </c>
      <c r="AP24" s="19">
        <v>0</v>
      </c>
      <c r="AQ24" s="19">
        <v>1240827</v>
      </c>
      <c r="AR24" s="19">
        <v>863034</v>
      </c>
      <c r="AS24" s="19">
        <v>706405</v>
      </c>
      <c r="AT24" s="19">
        <v>907539</v>
      </c>
      <c r="AU24" s="19">
        <v>0</v>
      </c>
      <c r="AV24" s="19">
        <v>327344</v>
      </c>
      <c r="AW24" s="19">
        <v>0</v>
      </c>
      <c r="AX24" s="19">
        <v>0</v>
      </c>
      <c r="AY24" s="19">
        <v>25311</v>
      </c>
      <c r="AZ24" s="19">
        <v>0</v>
      </c>
      <c r="BA24" s="19">
        <v>0</v>
      </c>
      <c r="BB24" s="19">
        <v>25311</v>
      </c>
      <c r="BC24" s="19">
        <v>0</v>
      </c>
      <c r="BD24" s="19">
        <v>119609</v>
      </c>
      <c r="BE24" s="19">
        <v>440575</v>
      </c>
      <c r="BF24" s="19">
        <v>0</v>
      </c>
      <c r="BG24" s="19">
        <v>0</v>
      </c>
      <c r="BH24" s="19">
        <v>0</v>
      </c>
      <c r="BI24" s="19">
        <v>470291</v>
      </c>
      <c r="BJ24" s="19">
        <v>1337785</v>
      </c>
      <c r="BK24" s="19">
        <v>2647080</v>
      </c>
      <c r="BL24" s="19">
        <v>652830</v>
      </c>
      <c r="BM24" s="19">
        <v>1235706</v>
      </c>
      <c r="BN24" s="19">
        <v>1923943</v>
      </c>
      <c r="BO24" s="19">
        <v>1251258</v>
      </c>
      <c r="BP24" s="19">
        <v>374234</v>
      </c>
      <c r="BQ24" s="19">
        <v>350245</v>
      </c>
      <c r="BR24" s="19">
        <v>202387</v>
      </c>
      <c r="BS24" s="19">
        <v>0</v>
      </c>
      <c r="BT24" s="19">
        <v>0</v>
      </c>
      <c r="BU24" s="19">
        <v>37674</v>
      </c>
      <c r="BV24" s="19">
        <v>0</v>
      </c>
      <c r="BW24" s="19">
        <v>0</v>
      </c>
      <c r="BX24" s="19">
        <v>37674</v>
      </c>
      <c r="BY24" s="19">
        <v>0</v>
      </c>
      <c r="BZ24" s="19">
        <v>0</v>
      </c>
      <c r="CA24" s="19">
        <v>3353</v>
      </c>
      <c r="CB24" s="19">
        <v>283365</v>
      </c>
      <c r="CC24" s="19">
        <v>672685</v>
      </c>
      <c r="CD24" s="19">
        <v>0</v>
      </c>
      <c r="CE24" s="19">
        <v>0</v>
      </c>
      <c r="CF24" s="19">
        <v>0</v>
      </c>
      <c r="CG24" s="19">
        <v>672685</v>
      </c>
      <c r="CH24" s="19">
        <v>97338</v>
      </c>
      <c r="CI24" s="19">
        <v>72906</v>
      </c>
      <c r="CJ24" s="19">
        <v>24432</v>
      </c>
      <c r="CK24" s="19">
        <v>23120</v>
      </c>
      <c r="CL24" s="19">
        <v>0</v>
      </c>
      <c r="CM24" s="19">
        <v>1312</v>
      </c>
      <c r="CN24" s="19">
        <v>1393536</v>
      </c>
      <c r="CO24" s="19">
        <v>380981</v>
      </c>
      <c r="CP24" s="19">
        <v>0</v>
      </c>
      <c r="CQ24" s="19">
        <v>1012555</v>
      </c>
      <c r="CR24" s="19">
        <v>325879</v>
      </c>
      <c r="CS24" s="19">
        <v>1690614</v>
      </c>
      <c r="CT24" s="19">
        <v>1129343</v>
      </c>
      <c r="CU24" s="19">
        <v>561271</v>
      </c>
      <c r="CV24" s="19">
        <v>324026</v>
      </c>
      <c r="CW24" s="19">
        <v>23686</v>
      </c>
      <c r="CX24" s="19">
        <v>30</v>
      </c>
      <c r="CY24" s="19">
        <v>0</v>
      </c>
      <c r="CZ24" s="19">
        <v>30720</v>
      </c>
      <c r="DA24" s="19">
        <v>196</v>
      </c>
      <c r="DB24" s="19">
        <v>0</v>
      </c>
      <c r="DC24" s="19">
        <v>196</v>
      </c>
      <c r="DD24" s="19">
        <v>0</v>
      </c>
      <c r="DE24" s="19">
        <v>269394</v>
      </c>
      <c r="DF24" s="19">
        <v>0</v>
      </c>
      <c r="DG24" s="19">
        <v>0</v>
      </c>
      <c r="DH24" s="19">
        <v>269394</v>
      </c>
      <c r="DI24" s="19">
        <v>1782700</v>
      </c>
      <c r="DJ24" s="19">
        <v>36535457</v>
      </c>
    </row>
    <row r="25" spans="1:114" ht="17.25" customHeight="1">
      <c r="A25" s="6" t="s">
        <v>188</v>
      </c>
      <c r="B25" s="15">
        <v>5765889</v>
      </c>
      <c r="C25" s="15">
        <v>63178</v>
      </c>
      <c r="D25" s="15">
        <v>15608</v>
      </c>
      <c r="E25" s="15">
        <v>0</v>
      </c>
      <c r="F25" s="15">
        <v>0</v>
      </c>
      <c r="G25" s="15">
        <v>0</v>
      </c>
      <c r="H25" s="15">
        <v>44626</v>
      </c>
      <c r="I25" s="15">
        <v>0</v>
      </c>
      <c r="J25" s="15">
        <v>2944</v>
      </c>
      <c r="K25" s="15">
        <v>3307</v>
      </c>
      <c r="L25" s="15">
        <v>49157</v>
      </c>
      <c r="M25" s="15">
        <v>62448</v>
      </c>
      <c r="N25" s="15">
        <v>0</v>
      </c>
      <c r="O25" s="15">
        <v>649383</v>
      </c>
      <c r="P25" s="15">
        <v>17969</v>
      </c>
      <c r="Q25" s="15">
        <v>0</v>
      </c>
      <c r="R25" s="15">
        <v>0</v>
      </c>
      <c r="S25" s="15">
        <v>11641</v>
      </c>
      <c r="T25" s="15">
        <v>21640</v>
      </c>
      <c r="U25" s="15">
        <v>65822</v>
      </c>
      <c r="V25" s="15">
        <v>1083310</v>
      </c>
      <c r="W25" s="15">
        <v>1039890</v>
      </c>
      <c r="X25" s="24">
        <v>43399</v>
      </c>
      <c r="Y25" s="15">
        <v>21</v>
      </c>
      <c r="Z25" s="15">
        <v>4207</v>
      </c>
      <c r="AA25" s="15">
        <v>40028</v>
      </c>
      <c r="AB25" s="15">
        <v>1274</v>
      </c>
      <c r="AC25" s="15">
        <v>38754</v>
      </c>
      <c r="AD25" s="15">
        <v>106375</v>
      </c>
      <c r="AE25" s="15">
        <v>0</v>
      </c>
      <c r="AF25" s="15">
        <v>0</v>
      </c>
      <c r="AG25" s="15">
        <v>0</v>
      </c>
      <c r="AH25" s="15">
        <v>0</v>
      </c>
      <c r="AI25" s="15">
        <v>8723</v>
      </c>
      <c r="AJ25" s="15">
        <v>11720</v>
      </c>
      <c r="AK25" s="15">
        <v>85932</v>
      </c>
      <c r="AL25" s="15">
        <v>79963</v>
      </c>
      <c r="AM25" s="15">
        <v>4432</v>
      </c>
      <c r="AN25" s="15">
        <v>75531</v>
      </c>
      <c r="AO25" s="15">
        <v>2215158</v>
      </c>
      <c r="AP25" s="15">
        <v>0</v>
      </c>
      <c r="AQ25" s="15">
        <v>0</v>
      </c>
      <c r="AR25" s="15">
        <v>307587</v>
      </c>
      <c r="AS25" s="15">
        <v>190565</v>
      </c>
      <c r="AT25" s="15">
        <v>307029</v>
      </c>
      <c r="AU25" s="15">
        <v>0</v>
      </c>
      <c r="AV25" s="15">
        <v>27512</v>
      </c>
      <c r="AW25" s="15">
        <v>0</v>
      </c>
      <c r="AX25" s="15">
        <v>0</v>
      </c>
      <c r="AY25" s="15">
        <v>7439</v>
      </c>
      <c r="AZ25" s="15">
        <v>0</v>
      </c>
      <c r="BA25" s="15">
        <v>0</v>
      </c>
      <c r="BB25" s="15">
        <v>7439</v>
      </c>
      <c r="BC25" s="15">
        <v>0</v>
      </c>
      <c r="BD25" s="15">
        <v>1468</v>
      </c>
      <c r="BE25" s="15">
        <v>0</v>
      </c>
      <c r="BF25" s="15">
        <v>0</v>
      </c>
      <c r="BG25" s="15">
        <v>1264</v>
      </c>
      <c r="BH25" s="15">
        <v>0</v>
      </c>
      <c r="BI25" s="15">
        <v>144880</v>
      </c>
      <c r="BJ25" s="15">
        <v>408761</v>
      </c>
      <c r="BK25" s="15">
        <v>608585</v>
      </c>
      <c r="BL25" s="15">
        <v>210068</v>
      </c>
      <c r="BM25" s="15">
        <v>0</v>
      </c>
      <c r="BN25" s="15">
        <v>728848</v>
      </c>
      <c r="BO25" s="15">
        <v>442531</v>
      </c>
      <c r="BP25" s="15">
        <v>133727</v>
      </c>
      <c r="BQ25" s="15">
        <v>92982</v>
      </c>
      <c r="BR25" s="15">
        <v>71045</v>
      </c>
      <c r="BS25" s="15">
        <v>9934</v>
      </c>
      <c r="BT25" s="15">
        <v>0</v>
      </c>
      <c r="BU25" s="15">
        <v>16531</v>
      </c>
      <c r="BV25" s="15">
        <v>0</v>
      </c>
      <c r="BW25" s="15">
        <v>0</v>
      </c>
      <c r="BX25" s="15">
        <v>16531</v>
      </c>
      <c r="BY25" s="15">
        <v>0</v>
      </c>
      <c r="BZ25" s="15">
        <v>0</v>
      </c>
      <c r="CA25" s="15">
        <v>1630</v>
      </c>
      <c r="CB25" s="15">
        <v>116682</v>
      </c>
      <c r="CC25" s="15">
        <v>286317</v>
      </c>
      <c r="CD25" s="15">
        <v>0</v>
      </c>
      <c r="CE25" s="15">
        <v>0</v>
      </c>
      <c r="CF25" s="15">
        <v>0</v>
      </c>
      <c r="CG25" s="15">
        <v>286317</v>
      </c>
      <c r="CH25" s="15">
        <v>7714</v>
      </c>
      <c r="CI25" s="15">
        <v>7411</v>
      </c>
      <c r="CJ25" s="15">
        <v>303</v>
      </c>
      <c r="CK25" s="15">
        <v>0</v>
      </c>
      <c r="CL25" s="15">
        <v>0</v>
      </c>
      <c r="CM25" s="15">
        <v>303</v>
      </c>
      <c r="CN25" s="15">
        <v>89942</v>
      </c>
      <c r="CO25" s="15">
        <v>83475</v>
      </c>
      <c r="CP25" s="15">
        <v>0</v>
      </c>
      <c r="CQ25" s="15">
        <v>6467</v>
      </c>
      <c r="CR25" s="15">
        <v>316791</v>
      </c>
      <c r="CS25" s="15">
        <v>765471</v>
      </c>
      <c r="CT25" s="15">
        <v>613294</v>
      </c>
      <c r="CU25" s="15">
        <v>152177</v>
      </c>
      <c r="CV25" s="15">
        <v>60320</v>
      </c>
      <c r="CW25" s="15">
        <v>6292</v>
      </c>
      <c r="CX25" s="15">
        <v>5</v>
      </c>
      <c r="CY25" s="15">
        <v>0</v>
      </c>
      <c r="CZ25" s="15">
        <v>4000</v>
      </c>
      <c r="DA25" s="15">
        <v>0</v>
      </c>
      <c r="DB25" s="15">
        <v>0</v>
      </c>
      <c r="DC25" s="15">
        <v>0</v>
      </c>
      <c r="DD25" s="15">
        <v>0</v>
      </c>
      <c r="DE25" s="15">
        <v>50023</v>
      </c>
      <c r="DF25" s="15">
        <v>0</v>
      </c>
      <c r="DG25" s="15">
        <v>0</v>
      </c>
      <c r="DH25" s="15">
        <v>50023</v>
      </c>
      <c r="DI25" s="15">
        <v>794559</v>
      </c>
      <c r="DJ25" s="15">
        <v>13003120</v>
      </c>
    </row>
    <row r="26" spans="1:114" s="13" customFormat="1" ht="17.25" customHeight="1">
      <c r="A26" s="6" t="s">
        <v>189</v>
      </c>
      <c r="B26" s="15">
        <v>9077055</v>
      </c>
      <c r="C26" s="15">
        <v>103465</v>
      </c>
      <c r="D26" s="15">
        <v>25804</v>
      </c>
      <c r="E26" s="15">
        <v>0</v>
      </c>
      <c r="F26" s="15">
        <v>0</v>
      </c>
      <c r="G26" s="15">
        <v>0</v>
      </c>
      <c r="H26" s="15">
        <v>73778</v>
      </c>
      <c r="I26" s="15">
        <v>0</v>
      </c>
      <c r="J26" s="15">
        <v>3883</v>
      </c>
      <c r="K26" s="15">
        <v>3232</v>
      </c>
      <c r="L26" s="15">
        <v>48145</v>
      </c>
      <c r="M26" s="15">
        <v>61246</v>
      </c>
      <c r="N26" s="15">
        <v>0</v>
      </c>
      <c r="O26" s="15">
        <v>1110853</v>
      </c>
      <c r="P26" s="15">
        <v>0</v>
      </c>
      <c r="Q26" s="15">
        <v>0</v>
      </c>
      <c r="R26" s="15">
        <v>0</v>
      </c>
      <c r="S26" s="15">
        <v>19248</v>
      </c>
      <c r="T26" s="15">
        <v>104156</v>
      </c>
      <c r="U26" s="15">
        <v>120646</v>
      </c>
      <c r="V26" s="15">
        <v>7327</v>
      </c>
      <c r="W26" s="15">
        <v>0</v>
      </c>
      <c r="X26" s="24">
        <v>7297</v>
      </c>
      <c r="Y26" s="15">
        <v>30</v>
      </c>
      <c r="Z26" s="15">
        <v>7273</v>
      </c>
      <c r="AA26" s="15">
        <v>442673</v>
      </c>
      <c r="AB26" s="15">
        <v>365058</v>
      </c>
      <c r="AC26" s="15">
        <v>77615</v>
      </c>
      <c r="AD26" s="15">
        <v>53988</v>
      </c>
      <c r="AE26" s="15">
        <v>0</v>
      </c>
      <c r="AF26" s="15">
        <v>0</v>
      </c>
      <c r="AG26" s="15">
        <v>0</v>
      </c>
      <c r="AH26" s="15">
        <v>0</v>
      </c>
      <c r="AI26" s="15">
        <v>0</v>
      </c>
      <c r="AJ26" s="15">
        <v>0</v>
      </c>
      <c r="AK26" s="15">
        <v>53988</v>
      </c>
      <c r="AL26" s="15">
        <v>27092</v>
      </c>
      <c r="AM26" s="15">
        <v>6729</v>
      </c>
      <c r="AN26" s="15">
        <v>20363</v>
      </c>
      <c r="AO26" s="15">
        <v>4275997</v>
      </c>
      <c r="AP26" s="15">
        <v>0</v>
      </c>
      <c r="AQ26" s="15">
        <v>0</v>
      </c>
      <c r="AR26" s="15">
        <v>548299</v>
      </c>
      <c r="AS26" s="15">
        <v>425112</v>
      </c>
      <c r="AT26" s="15">
        <v>555421</v>
      </c>
      <c r="AU26" s="15">
        <v>0</v>
      </c>
      <c r="AV26" s="15">
        <v>225438</v>
      </c>
      <c r="AW26" s="15">
        <v>0</v>
      </c>
      <c r="AX26" s="15">
        <v>0</v>
      </c>
      <c r="AY26" s="15">
        <v>10809</v>
      </c>
      <c r="AZ26" s="15">
        <v>0</v>
      </c>
      <c r="BA26" s="15">
        <v>0</v>
      </c>
      <c r="BB26" s="15">
        <v>10809</v>
      </c>
      <c r="BC26" s="15">
        <v>0</v>
      </c>
      <c r="BD26" s="15">
        <v>30883</v>
      </c>
      <c r="BE26" s="15">
        <v>0</v>
      </c>
      <c r="BF26" s="15">
        <v>0</v>
      </c>
      <c r="BG26" s="15">
        <v>0</v>
      </c>
      <c r="BH26" s="15">
        <v>0</v>
      </c>
      <c r="BI26" s="15">
        <v>169427</v>
      </c>
      <c r="BJ26" s="15">
        <v>823458</v>
      </c>
      <c r="BK26" s="15">
        <v>1189288</v>
      </c>
      <c r="BL26" s="15">
        <v>297862</v>
      </c>
      <c r="BM26" s="15">
        <v>0</v>
      </c>
      <c r="BN26" s="15">
        <v>1219275</v>
      </c>
      <c r="BO26" s="15">
        <v>816455</v>
      </c>
      <c r="BP26" s="15">
        <v>244129</v>
      </c>
      <c r="BQ26" s="15">
        <v>230077</v>
      </c>
      <c r="BR26" s="15">
        <v>121661</v>
      </c>
      <c r="BS26" s="15">
        <v>35000</v>
      </c>
      <c r="BT26" s="15">
        <v>0</v>
      </c>
      <c r="BU26" s="15">
        <v>18050</v>
      </c>
      <c r="BV26" s="15">
        <v>0</v>
      </c>
      <c r="BW26" s="15">
        <v>0</v>
      </c>
      <c r="BX26" s="15">
        <v>18050</v>
      </c>
      <c r="BY26" s="15">
        <v>0</v>
      </c>
      <c r="BZ26" s="15">
        <v>0</v>
      </c>
      <c r="CA26" s="15">
        <v>197</v>
      </c>
      <c r="CB26" s="15">
        <v>167341</v>
      </c>
      <c r="CC26" s="15">
        <v>402820</v>
      </c>
      <c r="CD26" s="15">
        <v>8796</v>
      </c>
      <c r="CE26" s="15">
        <v>0</v>
      </c>
      <c r="CF26" s="15">
        <v>0</v>
      </c>
      <c r="CG26" s="15">
        <v>394024</v>
      </c>
      <c r="CH26" s="15">
        <v>47681</v>
      </c>
      <c r="CI26" s="15">
        <v>5790</v>
      </c>
      <c r="CJ26" s="15">
        <v>41891</v>
      </c>
      <c r="CK26" s="15">
        <v>41549</v>
      </c>
      <c r="CL26" s="15">
        <v>0</v>
      </c>
      <c r="CM26" s="15">
        <v>342</v>
      </c>
      <c r="CN26" s="15">
        <v>52187</v>
      </c>
      <c r="CO26" s="15">
        <v>47807</v>
      </c>
      <c r="CP26" s="15">
        <v>0</v>
      </c>
      <c r="CQ26" s="15">
        <v>4380</v>
      </c>
      <c r="CR26" s="15">
        <v>669728</v>
      </c>
      <c r="CS26" s="15">
        <v>1257874</v>
      </c>
      <c r="CT26" s="15">
        <v>990636</v>
      </c>
      <c r="CU26" s="15">
        <v>267238</v>
      </c>
      <c r="CV26" s="15">
        <v>383461</v>
      </c>
      <c r="CW26" s="15">
        <v>11568</v>
      </c>
      <c r="CX26" s="15">
        <v>7</v>
      </c>
      <c r="CY26" s="15">
        <v>0</v>
      </c>
      <c r="CZ26" s="15">
        <v>65000</v>
      </c>
      <c r="DA26" s="15">
        <v>0</v>
      </c>
      <c r="DB26" s="15">
        <v>0</v>
      </c>
      <c r="DC26" s="15">
        <v>0</v>
      </c>
      <c r="DD26" s="15">
        <v>0</v>
      </c>
      <c r="DE26" s="15">
        <v>306886</v>
      </c>
      <c r="DF26" s="15">
        <v>0</v>
      </c>
      <c r="DG26" s="15">
        <v>0</v>
      </c>
      <c r="DH26" s="15">
        <v>306886</v>
      </c>
      <c r="DI26" s="15">
        <v>533400</v>
      </c>
      <c r="DJ26" s="15">
        <v>19626002</v>
      </c>
    </row>
    <row r="27" spans="1:114" s="13" customFormat="1" ht="17.25" customHeight="1">
      <c r="A27" s="6" t="s">
        <v>190</v>
      </c>
      <c r="B27" s="15">
        <v>4850790</v>
      </c>
      <c r="C27" s="15">
        <v>64736</v>
      </c>
      <c r="D27" s="15">
        <v>16062</v>
      </c>
      <c r="E27" s="15">
        <v>0</v>
      </c>
      <c r="F27" s="15">
        <v>0</v>
      </c>
      <c r="G27" s="15">
        <v>0</v>
      </c>
      <c r="H27" s="15">
        <v>45925</v>
      </c>
      <c r="I27" s="15">
        <v>0</v>
      </c>
      <c r="J27" s="15">
        <v>2749</v>
      </c>
      <c r="K27" s="15">
        <v>2818</v>
      </c>
      <c r="L27" s="15">
        <v>42070</v>
      </c>
      <c r="M27" s="15">
        <v>53602</v>
      </c>
      <c r="N27" s="15">
        <v>0</v>
      </c>
      <c r="O27" s="15">
        <v>657777</v>
      </c>
      <c r="P27" s="15">
        <v>25318</v>
      </c>
      <c r="Q27" s="15">
        <v>0</v>
      </c>
      <c r="R27" s="15">
        <v>0</v>
      </c>
      <c r="S27" s="15">
        <v>11991</v>
      </c>
      <c r="T27" s="15">
        <v>30282</v>
      </c>
      <c r="U27" s="15">
        <v>51414</v>
      </c>
      <c r="V27" s="15">
        <v>1417401</v>
      </c>
      <c r="W27" s="15">
        <v>1295193</v>
      </c>
      <c r="X27" s="24">
        <v>122208</v>
      </c>
      <c r="Y27" s="15">
        <v>0</v>
      </c>
      <c r="Z27" s="15">
        <v>3295</v>
      </c>
      <c r="AA27" s="15">
        <v>198005</v>
      </c>
      <c r="AB27" s="15">
        <v>105745</v>
      </c>
      <c r="AC27" s="15">
        <v>92260</v>
      </c>
      <c r="AD27" s="15">
        <v>72276</v>
      </c>
      <c r="AE27" s="15">
        <v>493</v>
      </c>
      <c r="AF27" s="15">
        <v>0</v>
      </c>
      <c r="AG27" s="15">
        <v>493</v>
      </c>
      <c r="AH27" s="15">
        <v>0</v>
      </c>
      <c r="AI27" s="15">
        <v>9640</v>
      </c>
      <c r="AJ27" s="15">
        <v>6762</v>
      </c>
      <c r="AK27" s="15">
        <v>55381</v>
      </c>
      <c r="AL27" s="15">
        <v>54133</v>
      </c>
      <c r="AM27" s="15">
        <v>4325</v>
      </c>
      <c r="AN27" s="15">
        <v>49808</v>
      </c>
      <c r="AO27" s="15">
        <v>2567034</v>
      </c>
      <c r="AP27" s="15">
        <v>0</v>
      </c>
      <c r="AQ27" s="15">
        <v>0</v>
      </c>
      <c r="AR27" s="15">
        <v>217905</v>
      </c>
      <c r="AS27" s="15">
        <v>270540</v>
      </c>
      <c r="AT27" s="15">
        <v>281264</v>
      </c>
      <c r="AU27" s="15">
        <v>0</v>
      </c>
      <c r="AV27" s="15">
        <v>5137</v>
      </c>
      <c r="AW27" s="15">
        <v>0</v>
      </c>
      <c r="AX27" s="15">
        <v>0</v>
      </c>
      <c r="AY27" s="15">
        <v>5572</v>
      </c>
      <c r="AZ27" s="15">
        <v>0</v>
      </c>
      <c r="BA27" s="15">
        <v>0</v>
      </c>
      <c r="BB27" s="15">
        <v>5572</v>
      </c>
      <c r="BC27" s="15">
        <v>0</v>
      </c>
      <c r="BD27" s="15">
        <v>393549</v>
      </c>
      <c r="BE27" s="15">
        <v>0</v>
      </c>
      <c r="BF27" s="15">
        <v>0</v>
      </c>
      <c r="BG27" s="15">
        <v>0</v>
      </c>
      <c r="BH27" s="15">
        <v>0</v>
      </c>
      <c r="BI27" s="15">
        <v>146665</v>
      </c>
      <c r="BJ27" s="15">
        <v>412701</v>
      </c>
      <c r="BK27" s="15">
        <v>605592</v>
      </c>
      <c r="BL27" s="15">
        <v>228109</v>
      </c>
      <c r="BM27" s="15">
        <v>0</v>
      </c>
      <c r="BN27" s="15">
        <v>789445</v>
      </c>
      <c r="BO27" s="15">
        <v>473904</v>
      </c>
      <c r="BP27" s="15">
        <v>95922</v>
      </c>
      <c r="BQ27" s="15">
        <v>129812</v>
      </c>
      <c r="BR27" s="15">
        <v>63108</v>
      </c>
      <c r="BS27" s="15">
        <v>0</v>
      </c>
      <c r="BT27" s="15">
        <v>0</v>
      </c>
      <c r="BU27" s="15">
        <v>14420</v>
      </c>
      <c r="BV27" s="15">
        <v>0</v>
      </c>
      <c r="BW27" s="15">
        <v>0</v>
      </c>
      <c r="BX27" s="15">
        <v>14420</v>
      </c>
      <c r="BY27" s="15">
        <v>0</v>
      </c>
      <c r="BZ27" s="15">
        <v>0</v>
      </c>
      <c r="CA27" s="15">
        <v>841</v>
      </c>
      <c r="CB27" s="15">
        <v>169801</v>
      </c>
      <c r="CC27" s="15">
        <v>315541</v>
      </c>
      <c r="CD27" s="15">
        <v>0</v>
      </c>
      <c r="CE27" s="15">
        <v>0</v>
      </c>
      <c r="CF27" s="15">
        <v>0</v>
      </c>
      <c r="CG27" s="15">
        <v>315541</v>
      </c>
      <c r="CH27" s="15">
        <v>106905</v>
      </c>
      <c r="CI27" s="15">
        <v>22819</v>
      </c>
      <c r="CJ27" s="15">
        <v>84086</v>
      </c>
      <c r="CK27" s="15">
        <v>83470</v>
      </c>
      <c r="CL27" s="15">
        <v>0</v>
      </c>
      <c r="CM27" s="15">
        <v>616</v>
      </c>
      <c r="CN27" s="15">
        <v>9168</v>
      </c>
      <c r="CO27" s="15">
        <v>5027</v>
      </c>
      <c r="CP27" s="15">
        <v>0</v>
      </c>
      <c r="CQ27" s="15">
        <v>4141</v>
      </c>
      <c r="CR27" s="15">
        <v>590160</v>
      </c>
      <c r="CS27" s="15">
        <v>616907</v>
      </c>
      <c r="CT27" s="15">
        <v>612886</v>
      </c>
      <c r="CU27" s="15">
        <v>4021</v>
      </c>
      <c r="CV27" s="15">
        <v>101371</v>
      </c>
      <c r="CW27" s="15">
        <v>5958</v>
      </c>
      <c r="CX27" s="15">
        <v>261</v>
      </c>
      <c r="CY27" s="15">
        <v>0</v>
      </c>
      <c r="CZ27" s="15">
        <v>27590</v>
      </c>
      <c r="DA27" s="15">
        <v>0</v>
      </c>
      <c r="DB27" s="15">
        <v>0</v>
      </c>
      <c r="DC27" s="15">
        <v>0</v>
      </c>
      <c r="DD27" s="15">
        <v>0</v>
      </c>
      <c r="DE27" s="15">
        <v>67562</v>
      </c>
      <c r="DF27" s="15">
        <v>0</v>
      </c>
      <c r="DG27" s="15">
        <v>0</v>
      </c>
      <c r="DH27" s="15">
        <v>67562</v>
      </c>
      <c r="DI27" s="15">
        <v>1051600</v>
      </c>
      <c r="DJ27" s="15">
        <v>13368498</v>
      </c>
    </row>
    <row r="28" spans="1:114" s="13" customFormat="1" ht="17.25" customHeight="1">
      <c r="A28" s="6" t="s">
        <v>191</v>
      </c>
      <c r="B28" s="15">
        <v>3371358</v>
      </c>
      <c r="C28" s="15">
        <v>64044</v>
      </c>
      <c r="D28" s="15">
        <v>15949</v>
      </c>
      <c r="E28" s="15">
        <v>0</v>
      </c>
      <c r="F28" s="15">
        <v>0</v>
      </c>
      <c r="G28" s="15">
        <v>0</v>
      </c>
      <c r="H28" s="15">
        <v>45604</v>
      </c>
      <c r="I28" s="15">
        <v>0</v>
      </c>
      <c r="J28" s="15">
        <v>2491</v>
      </c>
      <c r="K28" s="15">
        <v>2335</v>
      </c>
      <c r="L28" s="15">
        <v>33618</v>
      </c>
      <c r="M28" s="15">
        <v>41640</v>
      </c>
      <c r="N28" s="15">
        <v>0</v>
      </c>
      <c r="O28" s="15">
        <v>564584</v>
      </c>
      <c r="P28" s="15">
        <v>7250</v>
      </c>
      <c r="Q28" s="15">
        <v>0</v>
      </c>
      <c r="R28" s="15">
        <v>0</v>
      </c>
      <c r="S28" s="15">
        <v>11917</v>
      </c>
      <c r="T28" s="15">
        <v>15670</v>
      </c>
      <c r="U28" s="15">
        <v>35480</v>
      </c>
      <c r="V28" s="15">
        <v>1854930</v>
      </c>
      <c r="W28" s="15">
        <v>1745140</v>
      </c>
      <c r="X28" s="24">
        <v>109790</v>
      </c>
      <c r="Y28" s="15">
        <v>0</v>
      </c>
      <c r="Z28" s="15">
        <v>3284</v>
      </c>
      <c r="AA28" s="15">
        <v>107192</v>
      </c>
      <c r="AB28" s="15">
        <v>62834</v>
      </c>
      <c r="AC28" s="15">
        <v>44358</v>
      </c>
      <c r="AD28" s="15">
        <v>102574</v>
      </c>
      <c r="AE28" s="15">
        <v>0</v>
      </c>
      <c r="AF28" s="15">
        <v>0</v>
      </c>
      <c r="AG28" s="15">
        <v>0</v>
      </c>
      <c r="AH28" s="15">
        <v>0</v>
      </c>
      <c r="AI28" s="15">
        <v>7181</v>
      </c>
      <c r="AJ28" s="15">
        <v>0</v>
      </c>
      <c r="AK28" s="15">
        <v>95393</v>
      </c>
      <c r="AL28" s="15">
        <v>49835</v>
      </c>
      <c r="AM28" s="15">
        <v>4284</v>
      </c>
      <c r="AN28" s="15">
        <v>45551</v>
      </c>
      <c r="AO28" s="15">
        <v>1994687</v>
      </c>
      <c r="AP28" s="15">
        <v>0</v>
      </c>
      <c r="AQ28" s="15">
        <v>0</v>
      </c>
      <c r="AR28" s="15">
        <v>230613</v>
      </c>
      <c r="AS28" s="15">
        <v>237341</v>
      </c>
      <c r="AT28" s="15">
        <v>222049</v>
      </c>
      <c r="AU28" s="15">
        <v>0</v>
      </c>
      <c r="AV28" s="15">
        <v>1458</v>
      </c>
      <c r="AW28" s="15">
        <v>0</v>
      </c>
      <c r="AX28" s="15">
        <v>0</v>
      </c>
      <c r="AY28" s="15">
        <v>4899</v>
      </c>
      <c r="AZ28" s="15">
        <v>0</v>
      </c>
      <c r="BA28" s="15">
        <v>0</v>
      </c>
      <c r="BB28" s="15">
        <v>4899</v>
      </c>
      <c r="BC28" s="15">
        <v>0</v>
      </c>
      <c r="BD28" s="15">
        <v>38208</v>
      </c>
      <c r="BE28" s="15">
        <v>0</v>
      </c>
      <c r="BF28" s="15">
        <v>0</v>
      </c>
      <c r="BG28" s="15">
        <v>1711</v>
      </c>
      <c r="BH28" s="15">
        <v>0</v>
      </c>
      <c r="BI28" s="15">
        <v>174007</v>
      </c>
      <c r="BJ28" s="15">
        <v>321280</v>
      </c>
      <c r="BK28" s="15">
        <v>594314</v>
      </c>
      <c r="BL28" s="15">
        <v>168807</v>
      </c>
      <c r="BM28" s="15">
        <v>0</v>
      </c>
      <c r="BN28" s="15">
        <v>616791</v>
      </c>
      <c r="BO28" s="15">
        <v>373805</v>
      </c>
      <c r="BP28" s="15">
        <v>97031</v>
      </c>
      <c r="BQ28" s="15">
        <v>117799</v>
      </c>
      <c r="BR28" s="15">
        <v>49543</v>
      </c>
      <c r="BS28" s="15">
        <v>0</v>
      </c>
      <c r="BT28" s="15">
        <v>0</v>
      </c>
      <c r="BU28" s="15">
        <v>17404</v>
      </c>
      <c r="BV28" s="15">
        <v>0</v>
      </c>
      <c r="BW28" s="15">
        <v>0</v>
      </c>
      <c r="BX28" s="15">
        <v>17404</v>
      </c>
      <c r="BY28" s="15">
        <v>0</v>
      </c>
      <c r="BZ28" s="15">
        <v>0</v>
      </c>
      <c r="CA28" s="15">
        <v>47</v>
      </c>
      <c r="CB28" s="15">
        <v>91981</v>
      </c>
      <c r="CC28" s="15">
        <v>242986</v>
      </c>
      <c r="CD28" s="15">
        <v>364</v>
      </c>
      <c r="CE28" s="15">
        <v>0</v>
      </c>
      <c r="CF28" s="15">
        <v>0</v>
      </c>
      <c r="CG28" s="15">
        <v>242622</v>
      </c>
      <c r="CH28" s="15">
        <v>17904</v>
      </c>
      <c r="CI28" s="15">
        <v>16739</v>
      </c>
      <c r="CJ28" s="15">
        <v>1165</v>
      </c>
      <c r="CK28" s="15">
        <v>0</v>
      </c>
      <c r="CL28" s="15">
        <v>0</v>
      </c>
      <c r="CM28" s="15">
        <v>1165</v>
      </c>
      <c r="CN28" s="15">
        <v>7464</v>
      </c>
      <c r="CO28" s="15">
        <v>4118</v>
      </c>
      <c r="CP28" s="15">
        <v>500</v>
      </c>
      <c r="CQ28" s="15">
        <v>2846</v>
      </c>
      <c r="CR28" s="15">
        <v>336325</v>
      </c>
      <c r="CS28" s="15">
        <v>443860</v>
      </c>
      <c r="CT28" s="15">
        <v>391371</v>
      </c>
      <c r="CU28" s="15">
        <v>52489</v>
      </c>
      <c r="CV28" s="15">
        <v>77177</v>
      </c>
      <c r="CW28" s="15">
        <v>4329</v>
      </c>
      <c r="CX28" s="15">
        <v>2</v>
      </c>
      <c r="CY28" s="15">
        <v>0</v>
      </c>
      <c r="CZ28" s="15">
        <v>28000</v>
      </c>
      <c r="DA28" s="15">
        <v>0</v>
      </c>
      <c r="DB28" s="15">
        <v>0</v>
      </c>
      <c r="DC28" s="15">
        <v>0</v>
      </c>
      <c r="DD28" s="15">
        <v>0</v>
      </c>
      <c r="DE28" s="15">
        <v>44846</v>
      </c>
      <c r="DF28" s="15">
        <v>0</v>
      </c>
      <c r="DG28" s="15">
        <v>0</v>
      </c>
      <c r="DH28" s="15">
        <v>44846</v>
      </c>
      <c r="DI28" s="15">
        <v>452300</v>
      </c>
      <c r="DJ28" s="15">
        <v>10212219</v>
      </c>
    </row>
    <row r="29" spans="1:114" s="13" customFormat="1" ht="17.25" customHeight="1">
      <c r="A29" s="6" t="s">
        <v>192</v>
      </c>
      <c r="B29" s="15">
        <v>2506171</v>
      </c>
      <c r="C29" s="15">
        <v>39060</v>
      </c>
      <c r="D29" s="15">
        <v>9808</v>
      </c>
      <c r="E29" s="15">
        <v>0</v>
      </c>
      <c r="F29" s="15">
        <v>0</v>
      </c>
      <c r="G29" s="15">
        <v>0</v>
      </c>
      <c r="H29" s="15">
        <v>28048</v>
      </c>
      <c r="I29" s="15">
        <v>0</v>
      </c>
      <c r="J29" s="15">
        <v>1204</v>
      </c>
      <c r="K29" s="15">
        <v>588</v>
      </c>
      <c r="L29" s="15">
        <v>8782</v>
      </c>
      <c r="M29" s="15">
        <v>11165</v>
      </c>
      <c r="N29" s="15">
        <v>0</v>
      </c>
      <c r="O29" s="15">
        <v>264689</v>
      </c>
      <c r="P29" s="15">
        <v>31877</v>
      </c>
      <c r="Q29" s="15">
        <v>0</v>
      </c>
      <c r="R29" s="15">
        <v>0</v>
      </c>
      <c r="S29" s="15">
        <v>7346</v>
      </c>
      <c r="T29" s="15">
        <v>69340</v>
      </c>
      <c r="U29" s="15">
        <v>58187</v>
      </c>
      <c r="V29" s="15">
        <v>203180</v>
      </c>
      <c r="W29" s="15">
        <v>174737</v>
      </c>
      <c r="X29" s="24">
        <v>28443</v>
      </c>
      <c r="Y29" s="15">
        <v>0</v>
      </c>
      <c r="Z29" s="15">
        <v>1979</v>
      </c>
      <c r="AA29" s="15">
        <v>13478</v>
      </c>
      <c r="AB29" s="15">
        <v>181</v>
      </c>
      <c r="AC29" s="15">
        <v>13297</v>
      </c>
      <c r="AD29" s="15">
        <v>38437</v>
      </c>
      <c r="AE29" s="15">
        <v>0</v>
      </c>
      <c r="AF29" s="15">
        <v>0</v>
      </c>
      <c r="AG29" s="15">
        <v>0</v>
      </c>
      <c r="AH29" s="15">
        <v>0</v>
      </c>
      <c r="AI29" s="15">
        <v>5052</v>
      </c>
      <c r="AJ29" s="15">
        <v>1524</v>
      </c>
      <c r="AK29" s="15">
        <v>31861</v>
      </c>
      <c r="AL29" s="15">
        <v>5503</v>
      </c>
      <c r="AM29" s="15">
        <v>2524</v>
      </c>
      <c r="AN29" s="15">
        <v>2979</v>
      </c>
      <c r="AO29" s="15">
        <v>707750</v>
      </c>
      <c r="AP29" s="15">
        <v>0</v>
      </c>
      <c r="AQ29" s="15">
        <v>0</v>
      </c>
      <c r="AR29" s="15">
        <v>48007</v>
      </c>
      <c r="AS29" s="15">
        <v>96456</v>
      </c>
      <c r="AT29" s="15">
        <v>73703</v>
      </c>
      <c r="AU29" s="15">
        <v>0</v>
      </c>
      <c r="AV29" s="15">
        <v>1746</v>
      </c>
      <c r="AW29" s="15">
        <v>0</v>
      </c>
      <c r="AX29" s="15">
        <v>0</v>
      </c>
      <c r="AY29" s="15">
        <v>2454</v>
      </c>
      <c r="AZ29" s="15">
        <v>0</v>
      </c>
      <c r="BA29" s="15">
        <v>0</v>
      </c>
      <c r="BB29" s="15">
        <v>2454</v>
      </c>
      <c r="BC29" s="15">
        <v>0</v>
      </c>
      <c r="BD29" s="15">
        <v>98759</v>
      </c>
      <c r="BE29" s="15">
        <v>0</v>
      </c>
      <c r="BF29" s="15">
        <v>0</v>
      </c>
      <c r="BG29" s="15">
        <v>2116</v>
      </c>
      <c r="BH29" s="15">
        <v>0</v>
      </c>
      <c r="BI29" s="15">
        <v>49959</v>
      </c>
      <c r="BJ29" s="15">
        <v>113577</v>
      </c>
      <c r="BK29" s="15">
        <v>179996</v>
      </c>
      <c r="BL29" s="15">
        <v>40977</v>
      </c>
      <c r="BM29" s="15">
        <v>0</v>
      </c>
      <c r="BN29" s="15">
        <v>331028</v>
      </c>
      <c r="BO29" s="15">
        <v>135166</v>
      </c>
      <c r="BP29" s="15">
        <v>20508</v>
      </c>
      <c r="BQ29" s="15">
        <v>47396</v>
      </c>
      <c r="BR29" s="15">
        <v>16816</v>
      </c>
      <c r="BS29" s="15">
        <v>6882</v>
      </c>
      <c r="BT29" s="15">
        <v>0</v>
      </c>
      <c r="BU29" s="15">
        <v>6691</v>
      </c>
      <c r="BV29" s="15">
        <v>0</v>
      </c>
      <c r="BW29" s="15">
        <v>0</v>
      </c>
      <c r="BX29" s="15">
        <v>6691</v>
      </c>
      <c r="BY29" s="15">
        <v>0</v>
      </c>
      <c r="BZ29" s="15">
        <v>0</v>
      </c>
      <c r="CA29" s="15">
        <v>0</v>
      </c>
      <c r="CB29" s="15">
        <v>36873</v>
      </c>
      <c r="CC29" s="15">
        <v>195862</v>
      </c>
      <c r="CD29" s="15">
        <v>0</v>
      </c>
      <c r="CE29" s="15">
        <v>0</v>
      </c>
      <c r="CF29" s="15">
        <v>0</v>
      </c>
      <c r="CG29" s="15">
        <v>195862</v>
      </c>
      <c r="CH29" s="15">
        <v>4185</v>
      </c>
      <c r="CI29" s="15">
        <v>1030</v>
      </c>
      <c r="CJ29" s="15">
        <v>3155</v>
      </c>
      <c r="CK29" s="15">
        <v>0</v>
      </c>
      <c r="CL29" s="15">
        <v>0</v>
      </c>
      <c r="CM29" s="15">
        <v>3155</v>
      </c>
      <c r="CN29" s="15">
        <v>102214</v>
      </c>
      <c r="CO29" s="15">
        <v>96661</v>
      </c>
      <c r="CP29" s="15">
        <v>0</v>
      </c>
      <c r="CQ29" s="15">
        <v>5553</v>
      </c>
      <c r="CR29" s="15">
        <v>0</v>
      </c>
      <c r="CS29" s="15">
        <v>177087</v>
      </c>
      <c r="CT29" s="15">
        <v>170831</v>
      </c>
      <c r="CU29" s="15">
        <v>6256</v>
      </c>
      <c r="CV29" s="15">
        <v>63937</v>
      </c>
      <c r="CW29" s="15">
        <v>107</v>
      </c>
      <c r="CX29" s="15">
        <v>10</v>
      </c>
      <c r="CY29" s="15">
        <v>0</v>
      </c>
      <c r="CZ29" s="15">
        <v>21400</v>
      </c>
      <c r="DA29" s="15">
        <v>0</v>
      </c>
      <c r="DB29" s="15">
        <v>0</v>
      </c>
      <c r="DC29" s="15">
        <v>0</v>
      </c>
      <c r="DD29" s="15">
        <v>0</v>
      </c>
      <c r="DE29" s="15">
        <v>42420</v>
      </c>
      <c r="DF29" s="15">
        <v>0</v>
      </c>
      <c r="DG29" s="15">
        <v>0</v>
      </c>
      <c r="DH29" s="15">
        <v>42420</v>
      </c>
      <c r="DI29" s="15">
        <v>0</v>
      </c>
      <c r="DJ29" s="15">
        <v>4645983</v>
      </c>
    </row>
    <row r="30" spans="1:114" s="13" customFormat="1" ht="17.25" customHeight="1">
      <c r="A30" s="6" t="s">
        <v>193</v>
      </c>
      <c r="B30" s="15">
        <v>2518644</v>
      </c>
      <c r="C30" s="15">
        <v>46747</v>
      </c>
      <c r="D30" s="15">
        <v>11677</v>
      </c>
      <c r="E30" s="15">
        <v>0</v>
      </c>
      <c r="F30" s="15">
        <v>0</v>
      </c>
      <c r="G30" s="15">
        <v>0</v>
      </c>
      <c r="H30" s="15">
        <v>33388</v>
      </c>
      <c r="I30" s="15">
        <v>0</v>
      </c>
      <c r="J30" s="15">
        <v>1682</v>
      </c>
      <c r="K30" s="15">
        <v>1088</v>
      </c>
      <c r="L30" s="15">
        <v>16250</v>
      </c>
      <c r="M30" s="15">
        <v>20712</v>
      </c>
      <c r="N30" s="15">
        <v>0</v>
      </c>
      <c r="O30" s="15">
        <v>380295</v>
      </c>
      <c r="P30" s="15">
        <v>0</v>
      </c>
      <c r="Q30" s="15">
        <v>0</v>
      </c>
      <c r="R30" s="15">
        <v>0</v>
      </c>
      <c r="S30" s="15">
        <v>8732</v>
      </c>
      <c r="T30" s="15">
        <v>25385</v>
      </c>
      <c r="U30" s="15">
        <v>173959</v>
      </c>
      <c r="V30" s="15">
        <v>922825</v>
      </c>
      <c r="W30" s="15">
        <v>874361</v>
      </c>
      <c r="X30" s="24">
        <v>48464</v>
      </c>
      <c r="Y30" s="15">
        <v>0</v>
      </c>
      <c r="Z30" s="15">
        <v>3227</v>
      </c>
      <c r="AA30" s="15">
        <v>22019</v>
      </c>
      <c r="AB30" s="15">
        <v>45</v>
      </c>
      <c r="AC30" s="15">
        <v>21974</v>
      </c>
      <c r="AD30" s="15">
        <v>37927</v>
      </c>
      <c r="AE30" s="15">
        <v>385</v>
      </c>
      <c r="AF30" s="15">
        <v>0</v>
      </c>
      <c r="AG30" s="15">
        <v>385</v>
      </c>
      <c r="AH30" s="15">
        <v>0</v>
      </c>
      <c r="AI30" s="15">
        <v>6328</v>
      </c>
      <c r="AJ30" s="15">
        <v>6967</v>
      </c>
      <c r="AK30" s="15">
        <v>24247</v>
      </c>
      <c r="AL30" s="15">
        <v>9445</v>
      </c>
      <c r="AM30" s="15">
        <v>2738</v>
      </c>
      <c r="AN30" s="15">
        <v>6707</v>
      </c>
      <c r="AO30" s="15">
        <v>1351604</v>
      </c>
      <c r="AP30" s="15">
        <v>0</v>
      </c>
      <c r="AQ30" s="15">
        <v>0</v>
      </c>
      <c r="AR30" s="15">
        <v>160415</v>
      </c>
      <c r="AS30" s="15">
        <v>124245</v>
      </c>
      <c r="AT30" s="15">
        <v>176061</v>
      </c>
      <c r="AU30" s="15">
        <v>0</v>
      </c>
      <c r="AV30" s="15">
        <v>15604</v>
      </c>
      <c r="AW30" s="15">
        <v>4944</v>
      </c>
      <c r="AX30" s="15">
        <v>0</v>
      </c>
      <c r="AY30" s="15">
        <v>3867</v>
      </c>
      <c r="AZ30" s="15">
        <v>0</v>
      </c>
      <c r="BA30" s="15">
        <v>0</v>
      </c>
      <c r="BB30" s="15">
        <v>3867</v>
      </c>
      <c r="BC30" s="15">
        <v>0</v>
      </c>
      <c r="BD30" s="15">
        <v>119947</v>
      </c>
      <c r="BE30" s="15">
        <v>0</v>
      </c>
      <c r="BF30" s="15">
        <v>0</v>
      </c>
      <c r="BG30" s="15">
        <v>3983</v>
      </c>
      <c r="BH30" s="15">
        <v>0</v>
      </c>
      <c r="BI30" s="15">
        <v>58540</v>
      </c>
      <c r="BJ30" s="15">
        <v>257448</v>
      </c>
      <c r="BK30" s="15">
        <v>374074</v>
      </c>
      <c r="BL30" s="15">
        <v>52476</v>
      </c>
      <c r="BM30" s="15">
        <v>0</v>
      </c>
      <c r="BN30" s="15">
        <v>370819</v>
      </c>
      <c r="BO30" s="15">
        <v>211706</v>
      </c>
      <c r="BP30" s="15">
        <v>69791</v>
      </c>
      <c r="BQ30" s="15">
        <v>59937</v>
      </c>
      <c r="BR30" s="15">
        <v>38832</v>
      </c>
      <c r="BS30" s="15">
        <v>0</v>
      </c>
      <c r="BT30" s="15">
        <v>0</v>
      </c>
      <c r="BU30" s="15">
        <v>11238</v>
      </c>
      <c r="BV30" s="15">
        <v>0</v>
      </c>
      <c r="BW30" s="15">
        <v>0</v>
      </c>
      <c r="BX30" s="15">
        <v>11238</v>
      </c>
      <c r="BY30" s="15">
        <v>0</v>
      </c>
      <c r="BZ30" s="15">
        <v>0</v>
      </c>
      <c r="CA30" s="15">
        <v>470</v>
      </c>
      <c r="CB30" s="15">
        <v>31438</v>
      </c>
      <c r="CC30" s="15">
        <v>159113</v>
      </c>
      <c r="CD30" s="15">
        <v>0</v>
      </c>
      <c r="CE30" s="15">
        <v>0</v>
      </c>
      <c r="CF30" s="15">
        <v>0</v>
      </c>
      <c r="CG30" s="15">
        <v>159113</v>
      </c>
      <c r="CH30" s="15">
        <v>15277</v>
      </c>
      <c r="CI30" s="15">
        <v>14173</v>
      </c>
      <c r="CJ30" s="15">
        <v>1104</v>
      </c>
      <c r="CK30" s="15">
        <v>1030</v>
      </c>
      <c r="CL30" s="15">
        <v>0</v>
      </c>
      <c r="CM30" s="15">
        <v>74</v>
      </c>
      <c r="CN30" s="15">
        <v>37106</v>
      </c>
      <c r="CO30" s="15">
        <v>34350</v>
      </c>
      <c r="CP30" s="15">
        <v>0</v>
      </c>
      <c r="CQ30" s="15">
        <v>2756</v>
      </c>
      <c r="CR30" s="15">
        <v>13269</v>
      </c>
      <c r="CS30" s="15">
        <v>457920</v>
      </c>
      <c r="CT30" s="15">
        <v>455928</v>
      </c>
      <c r="CU30" s="15">
        <v>1992</v>
      </c>
      <c r="CV30" s="15">
        <v>70192</v>
      </c>
      <c r="CW30" s="15">
        <v>2791</v>
      </c>
      <c r="CX30" s="15">
        <v>5</v>
      </c>
      <c r="CY30" s="15">
        <v>0</v>
      </c>
      <c r="CZ30" s="15">
        <v>11281</v>
      </c>
      <c r="DA30" s="15">
        <v>2512</v>
      </c>
      <c r="DB30" s="15">
        <v>2431</v>
      </c>
      <c r="DC30" s="15">
        <v>81</v>
      </c>
      <c r="DD30" s="15">
        <v>0</v>
      </c>
      <c r="DE30" s="15">
        <v>53603</v>
      </c>
      <c r="DF30" s="15">
        <v>0</v>
      </c>
      <c r="DG30" s="15">
        <v>0</v>
      </c>
      <c r="DH30" s="15">
        <v>53603</v>
      </c>
      <c r="DI30" s="15">
        <v>310000</v>
      </c>
      <c r="DJ30" s="15">
        <v>6813442</v>
      </c>
    </row>
    <row r="31" spans="1:114" s="13" customFormat="1" ht="17.25" customHeight="1">
      <c r="A31" s="6" t="s">
        <v>194</v>
      </c>
      <c r="B31" s="15">
        <v>1567307</v>
      </c>
      <c r="C31" s="15">
        <v>30764</v>
      </c>
      <c r="D31" s="15">
        <v>6887</v>
      </c>
      <c r="E31" s="15">
        <v>0</v>
      </c>
      <c r="F31" s="15">
        <v>0</v>
      </c>
      <c r="G31" s="15">
        <v>0</v>
      </c>
      <c r="H31" s="15">
        <v>19693</v>
      </c>
      <c r="I31" s="15">
        <v>0</v>
      </c>
      <c r="J31" s="15">
        <v>4184</v>
      </c>
      <c r="K31" s="15">
        <v>722</v>
      </c>
      <c r="L31" s="15">
        <v>10767</v>
      </c>
      <c r="M31" s="15">
        <v>13674</v>
      </c>
      <c r="N31" s="15">
        <v>0</v>
      </c>
      <c r="O31" s="15">
        <v>245022</v>
      </c>
      <c r="P31" s="15">
        <v>54308</v>
      </c>
      <c r="Q31" s="15">
        <v>0</v>
      </c>
      <c r="R31" s="15">
        <v>0</v>
      </c>
      <c r="S31" s="15">
        <v>5150</v>
      </c>
      <c r="T31" s="15">
        <v>18494</v>
      </c>
      <c r="U31" s="15">
        <v>18805</v>
      </c>
      <c r="V31" s="15">
        <v>1317105</v>
      </c>
      <c r="W31" s="15">
        <v>1207775</v>
      </c>
      <c r="X31" s="24">
        <v>109330</v>
      </c>
      <c r="Y31" s="15">
        <v>0</v>
      </c>
      <c r="Z31" s="15">
        <v>1723</v>
      </c>
      <c r="AA31" s="15">
        <v>18145</v>
      </c>
      <c r="AB31" s="15">
        <v>310</v>
      </c>
      <c r="AC31" s="15">
        <v>17835</v>
      </c>
      <c r="AD31" s="15">
        <v>98502</v>
      </c>
      <c r="AE31" s="15">
        <v>200</v>
      </c>
      <c r="AF31" s="15">
        <v>0</v>
      </c>
      <c r="AG31" s="15">
        <v>200</v>
      </c>
      <c r="AH31" s="15">
        <v>0</v>
      </c>
      <c r="AI31" s="15">
        <v>0</v>
      </c>
      <c r="AJ31" s="15">
        <v>32358</v>
      </c>
      <c r="AK31" s="15">
        <v>65944</v>
      </c>
      <c r="AL31" s="15">
        <v>8286</v>
      </c>
      <c r="AM31" s="15">
        <v>2175</v>
      </c>
      <c r="AN31" s="15">
        <v>6111</v>
      </c>
      <c r="AO31" s="15">
        <v>1785706</v>
      </c>
      <c r="AP31" s="15">
        <v>0</v>
      </c>
      <c r="AQ31" s="15">
        <v>0</v>
      </c>
      <c r="AR31" s="15">
        <v>80105</v>
      </c>
      <c r="AS31" s="15">
        <v>134790</v>
      </c>
      <c r="AT31" s="15">
        <v>82878</v>
      </c>
      <c r="AU31" s="15">
        <v>0</v>
      </c>
      <c r="AV31" s="15">
        <v>23702</v>
      </c>
      <c r="AW31" s="15">
        <v>0</v>
      </c>
      <c r="AX31" s="15">
        <v>0</v>
      </c>
      <c r="AY31" s="15">
        <v>3388</v>
      </c>
      <c r="AZ31" s="15">
        <v>0</v>
      </c>
      <c r="BA31" s="15">
        <v>0</v>
      </c>
      <c r="BB31" s="15">
        <v>3388</v>
      </c>
      <c r="BC31" s="15">
        <v>0</v>
      </c>
      <c r="BD31" s="15">
        <v>26706</v>
      </c>
      <c r="BE31" s="15">
        <v>0</v>
      </c>
      <c r="BF31" s="15">
        <v>0</v>
      </c>
      <c r="BG31" s="15">
        <v>17042</v>
      </c>
      <c r="BH31" s="15">
        <v>0</v>
      </c>
      <c r="BI31" s="15">
        <v>128038</v>
      </c>
      <c r="BJ31" s="15">
        <v>118690</v>
      </c>
      <c r="BK31" s="15">
        <v>234561</v>
      </c>
      <c r="BL31" s="15">
        <v>935806</v>
      </c>
      <c r="BM31" s="15">
        <v>0</v>
      </c>
      <c r="BN31" s="15">
        <v>318993</v>
      </c>
      <c r="BO31" s="15">
        <v>178122</v>
      </c>
      <c r="BP31" s="15">
        <v>35114</v>
      </c>
      <c r="BQ31" s="15">
        <v>66975</v>
      </c>
      <c r="BR31" s="15">
        <v>17456</v>
      </c>
      <c r="BS31" s="15">
        <v>11576</v>
      </c>
      <c r="BT31" s="15">
        <v>0</v>
      </c>
      <c r="BU31" s="15">
        <v>10822</v>
      </c>
      <c r="BV31" s="15">
        <v>0</v>
      </c>
      <c r="BW31" s="15">
        <v>0</v>
      </c>
      <c r="BX31" s="15">
        <v>10822</v>
      </c>
      <c r="BY31" s="15">
        <v>0</v>
      </c>
      <c r="BZ31" s="15">
        <v>0</v>
      </c>
      <c r="CA31" s="15">
        <v>994</v>
      </c>
      <c r="CB31" s="15">
        <v>35185</v>
      </c>
      <c r="CC31" s="15">
        <v>140871</v>
      </c>
      <c r="CD31" s="15">
        <v>0</v>
      </c>
      <c r="CE31" s="15">
        <v>0</v>
      </c>
      <c r="CF31" s="15">
        <v>0</v>
      </c>
      <c r="CG31" s="15">
        <v>140871</v>
      </c>
      <c r="CH31" s="15">
        <v>45713</v>
      </c>
      <c r="CI31" s="15">
        <v>44740</v>
      </c>
      <c r="CJ31" s="15">
        <v>973</v>
      </c>
      <c r="CK31" s="15">
        <v>499</v>
      </c>
      <c r="CL31" s="15">
        <v>0</v>
      </c>
      <c r="CM31" s="15">
        <v>474</v>
      </c>
      <c r="CN31" s="15">
        <v>104512</v>
      </c>
      <c r="CO31" s="15">
        <v>99067</v>
      </c>
      <c r="CP31" s="15">
        <v>2392</v>
      </c>
      <c r="CQ31" s="15">
        <v>3053</v>
      </c>
      <c r="CR31" s="15">
        <v>39276</v>
      </c>
      <c r="CS31" s="15">
        <v>152047</v>
      </c>
      <c r="CT31" s="15">
        <v>141582</v>
      </c>
      <c r="CU31" s="15">
        <v>10465</v>
      </c>
      <c r="CV31" s="15">
        <v>67564</v>
      </c>
      <c r="CW31" s="15">
        <v>3003</v>
      </c>
      <c r="CX31" s="15">
        <v>2</v>
      </c>
      <c r="CY31" s="15">
        <v>0</v>
      </c>
      <c r="CZ31" s="15">
        <v>7000</v>
      </c>
      <c r="DA31" s="15">
        <v>95</v>
      </c>
      <c r="DB31" s="15">
        <v>0</v>
      </c>
      <c r="DC31" s="15">
        <v>95</v>
      </c>
      <c r="DD31" s="15">
        <v>0</v>
      </c>
      <c r="DE31" s="15">
        <v>57464</v>
      </c>
      <c r="DF31" s="15">
        <v>6424</v>
      </c>
      <c r="DG31" s="15">
        <v>0</v>
      </c>
      <c r="DH31" s="15">
        <v>51040</v>
      </c>
      <c r="DI31" s="15">
        <v>1220900</v>
      </c>
      <c r="DJ31" s="15">
        <v>7143485</v>
      </c>
    </row>
    <row r="32" spans="1:114" s="13" customFormat="1" ht="17.25" customHeight="1">
      <c r="A32" s="6" t="s">
        <v>195</v>
      </c>
      <c r="B32" s="15">
        <v>1615075</v>
      </c>
      <c r="C32" s="15">
        <v>47552</v>
      </c>
      <c r="D32" s="15">
        <v>8821</v>
      </c>
      <c r="E32" s="15">
        <v>0</v>
      </c>
      <c r="F32" s="15">
        <v>0</v>
      </c>
      <c r="G32" s="15">
        <v>0</v>
      </c>
      <c r="H32" s="15">
        <v>25225</v>
      </c>
      <c r="I32" s="15">
        <v>0</v>
      </c>
      <c r="J32" s="15">
        <v>13506</v>
      </c>
      <c r="K32" s="15">
        <v>607</v>
      </c>
      <c r="L32" s="15">
        <v>9030</v>
      </c>
      <c r="M32" s="15">
        <v>11453</v>
      </c>
      <c r="N32" s="15">
        <v>0</v>
      </c>
      <c r="O32" s="15">
        <v>244839</v>
      </c>
      <c r="P32" s="15">
        <v>20886</v>
      </c>
      <c r="Q32" s="15">
        <v>0</v>
      </c>
      <c r="R32" s="15">
        <v>0</v>
      </c>
      <c r="S32" s="15">
        <v>6597</v>
      </c>
      <c r="T32" s="15">
        <v>23147</v>
      </c>
      <c r="U32" s="15">
        <v>51398</v>
      </c>
      <c r="V32" s="15">
        <v>1679422</v>
      </c>
      <c r="W32" s="15">
        <v>1525020</v>
      </c>
      <c r="X32" s="24">
        <v>154402</v>
      </c>
      <c r="Y32" s="15">
        <v>0</v>
      </c>
      <c r="Z32" s="15">
        <v>2041</v>
      </c>
      <c r="AA32" s="15">
        <v>33598</v>
      </c>
      <c r="AB32" s="15">
        <v>33229</v>
      </c>
      <c r="AC32" s="15">
        <v>369</v>
      </c>
      <c r="AD32" s="15">
        <v>120565</v>
      </c>
      <c r="AE32" s="15">
        <v>18</v>
      </c>
      <c r="AF32" s="15">
        <v>0</v>
      </c>
      <c r="AG32" s="15">
        <v>18</v>
      </c>
      <c r="AH32" s="15">
        <v>0</v>
      </c>
      <c r="AI32" s="15">
        <v>10503</v>
      </c>
      <c r="AJ32" s="15">
        <v>59517</v>
      </c>
      <c r="AK32" s="15">
        <v>50527</v>
      </c>
      <c r="AL32" s="15">
        <v>14503</v>
      </c>
      <c r="AM32" s="15">
        <v>3060</v>
      </c>
      <c r="AN32" s="15">
        <v>11443</v>
      </c>
      <c r="AO32" s="15">
        <v>832913</v>
      </c>
      <c r="AP32" s="15">
        <v>0</v>
      </c>
      <c r="AQ32" s="15">
        <v>0</v>
      </c>
      <c r="AR32" s="15">
        <v>24051</v>
      </c>
      <c r="AS32" s="15">
        <v>138303</v>
      </c>
      <c r="AT32" s="15">
        <v>67675</v>
      </c>
      <c r="AU32" s="15">
        <v>0</v>
      </c>
      <c r="AV32" s="15">
        <v>10083</v>
      </c>
      <c r="AW32" s="15">
        <v>103403</v>
      </c>
      <c r="AX32" s="15">
        <v>0</v>
      </c>
      <c r="AY32" s="15">
        <v>2739</v>
      </c>
      <c r="AZ32" s="15">
        <v>0</v>
      </c>
      <c r="BA32" s="15">
        <v>0</v>
      </c>
      <c r="BB32" s="15">
        <v>2739</v>
      </c>
      <c r="BC32" s="15">
        <v>0</v>
      </c>
      <c r="BD32" s="15">
        <v>18399</v>
      </c>
      <c r="BE32" s="15">
        <v>0</v>
      </c>
      <c r="BF32" s="15">
        <v>0</v>
      </c>
      <c r="BG32" s="15">
        <v>0</v>
      </c>
      <c r="BH32" s="15">
        <v>0</v>
      </c>
      <c r="BI32" s="15">
        <v>112846</v>
      </c>
      <c r="BJ32" s="15">
        <v>106085</v>
      </c>
      <c r="BK32" s="15">
        <v>205571</v>
      </c>
      <c r="BL32" s="15">
        <v>43758</v>
      </c>
      <c r="BM32" s="15">
        <v>0</v>
      </c>
      <c r="BN32" s="15">
        <v>322839</v>
      </c>
      <c r="BO32" s="15">
        <v>147087</v>
      </c>
      <c r="BP32" s="15">
        <v>10393</v>
      </c>
      <c r="BQ32" s="15">
        <v>69085</v>
      </c>
      <c r="BR32" s="15">
        <v>15393</v>
      </c>
      <c r="BS32" s="15">
        <v>0</v>
      </c>
      <c r="BT32" s="15">
        <v>0</v>
      </c>
      <c r="BU32" s="15">
        <v>1082</v>
      </c>
      <c r="BV32" s="15">
        <v>0</v>
      </c>
      <c r="BW32" s="15">
        <v>0</v>
      </c>
      <c r="BX32" s="15">
        <v>1082</v>
      </c>
      <c r="BY32" s="15">
        <v>11187</v>
      </c>
      <c r="BZ32" s="15">
        <v>0</v>
      </c>
      <c r="CA32" s="15">
        <v>0</v>
      </c>
      <c r="CB32" s="15">
        <v>39947</v>
      </c>
      <c r="CC32" s="15">
        <v>175752</v>
      </c>
      <c r="CD32" s="15">
        <v>1639</v>
      </c>
      <c r="CE32" s="15">
        <v>0</v>
      </c>
      <c r="CF32" s="15">
        <v>0</v>
      </c>
      <c r="CG32" s="15">
        <v>174113</v>
      </c>
      <c r="CH32" s="15">
        <v>33354</v>
      </c>
      <c r="CI32" s="15">
        <v>29647</v>
      </c>
      <c r="CJ32" s="15">
        <v>3707</v>
      </c>
      <c r="CK32" s="15">
        <v>1052</v>
      </c>
      <c r="CL32" s="15">
        <v>0</v>
      </c>
      <c r="CM32" s="15">
        <v>2655</v>
      </c>
      <c r="CN32" s="15">
        <v>782228</v>
      </c>
      <c r="CO32" s="15">
        <v>706115</v>
      </c>
      <c r="CP32" s="15">
        <v>0</v>
      </c>
      <c r="CQ32" s="15">
        <v>76113</v>
      </c>
      <c r="CR32" s="15">
        <v>210239</v>
      </c>
      <c r="CS32" s="15">
        <v>414880</v>
      </c>
      <c r="CT32" s="15">
        <v>373736</v>
      </c>
      <c r="CU32" s="15">
        <v>41144</v>
      </c>
      <c r="CV32" s="15">
        <v>201570</v>
      </c>
      <c r="CW32" s="15">
        <v>367</v>
      </c>
      <c r="CX32" s="15">
        <v>1</v>
      </c>
      <c r="CY32" s="15">
        <v>0</v>
      </c>
      <c r="CZ32" s="15">
        <v>1809</v>
      </c>
      <c r="DA32" s="15">
        <v>0</v>
      </c>
      <c r="DB32" s="15">
        <v>0</v>
      </c>
      <c r="DC32" s="15">
        <v>0</v>
      </c>
      <c r="DD32" s="15">
        <v>0</v>
      </c>
      <c r="DE32" s="15">
        <v>199393</v>
      </c>
      <c r="DF32" s="15">
        <v>0</v>
      </c>
      <c r="DG32" s="15">
        <v>0</v>
      </c>
      <c r="DH32" s="15">
        <v>199393</v>
      </c>
      <c r="DI32" s="15">
        <v>260974</v>
      </c>
      <c r="DJ32" s="15">
        <v>6939710</v>
      </c>
    </row>
    <row r="33" spans="1:114" s="13" customFormat="1" ht="17.25" customHeight="1">
      <c r="A33" s="6" t="s">
        <v>196</v>
      </c>
      <c r="B33" s="15">
        <v>3177699</v>
      </c>
      <c r="C33" s="15">
        <v>40071</v>
      </c>
      <c r="D33" s="15">
        <v>9766</v>
      </c>
      <c r="E33" s="15">
        <v>0</v>
      </c>
      <c r="F33" s="15">
        <v>0</v>
      </c>
      <c r="G33" s="15">
        <v>0</v>
      </c>
      <c r="H33" s="15">
        <v>27924</v>
      </c>
      <c r="I33" s="15">
        <v>0</v>
      </c>
      <c r="J33" s="15">
        <v>2381</v>
      </c>
      <c r="K33" s="15">
        <v>1299</v>
      </c>
      <c r="L33" s="15">
        <v>19489</v>
      </c>
      <c r="M33" s="15">
        <v>24921</v>
      </c>
      <c r="N33" s="15">
        <v>0</v>
      </c>
      <c r="O33" s="15">
        <v>391823</v>
      </c>
      <c r="P33" s="15">
        <v>0</v>
      </c>
      <c r="Q33" s="15">
        <v>0</v>
      </c>
      <c r="R33" s="15">
        <v>0</v>
      </c>
      <c r="S33" s="15">
        <v>7299</v>
      </c>
      <c r="T33" s="15">
        <v>55167</v>
      </c>
      <c r="U33" s="15">
        <v>44664</v>
      </c>
      <c r="V33" s="15">
        <v>684412</v>
      </c>
      <c r="W33" s="15">
        <v>601592</v>
      </c>
      <c r="X33" s="24">
        <v>82820</v>
      </c>
      <c r="Y33" s="15">
        <v>0</v>
      </c>
      <c r="Z33" s="15">
        <v>2369</v>
      </c>
      <c r="AA33" s="15">
        <v>59467</v>
      </c>
      <c r="AB33" s="15">
        <v>3384</v>
      </c>
      <c r="AC33" s="15">
        <v>56083</v>
      </c>
      <c r="AD33" s="15">
        <v>16852</v>
      </c>
      <c r="AE33" s="15">
        <v>310</v>
      </c>
      <c r="AF33" s="15">
        <v>0</v>
      </c>
      <c r="AG33" s="15">
        <v>310</v>
      </c>
      <c r="AH33" s="15">
        <v>0</v>
      </c>
      <c r="AI33" s="15">
        <v>0</v>
      </c>
      <c r="AJ33" s="15">
        <v>8607</v>
      </c>
      <c r="AK33" s="15">
        <v>7935</v>
      </c>
      <c r="AL33" s="15">
        <v>11915</v>
      </c>
      <c r="AM33" s="15">
        <v>1511</v>
      </c>
      <c r="AN33" s="15">
        <v>10404</v>
      </c>
      <c r="AO33" s="15">
        <v>1603472</v>
      </c>
      <c r="AP33" s="15">
        <v>0</v>
      </c>
      <c r="AQ33" s="15">
        <v>0</v>
      </c>
      <c r="AR33" s="15">
        <v>275306</v>
      </c>
      <c r="AS33" s="15">
        <v>141035</v>
      </c>
      <c r="AT33" s="15">
        <v>217278</v>
      </c>
      <c r="AU33" s="15">
        <v>0</v>
      </c>
      <c r="AV33" s="15">
        <v>154717</v>
      </c>
      <c r="AW33" s="15">
        <v>0</v>
      </c>
      <c r="AX33" s="15">
        <v>0</v>
      </c>
      <c r="AY33" s="15">
        <v>3421</v>
      </c>
      <c r="AZ33" s="15">
        <v>0</v>
      </c>
      <c r="BA33" s="15">
        <v>0</v>
      </c>
      <c r="BB33" s="15">
        <v>3421</v>
      </c>
      <c r="BC33" s="15">
        <v>0</v>
      </c>
      <c r="BD33" s="15">
        <v>16871</v>
      </c>
      <c r="BE33" s="15">
        <v>0</v>
      </c>
      <c r="BF33" s="15">
        <v>0</v>
      </c>
      <c r="BG33" s="15">
        <v>496</v>
      </c>
      <c r="BH33" s="15">
        <v>0</v>
      </c>
      <c r="BI33" s="15">
        <v>99814</v>
      </c>
      <c r="BJ33" s="15">
        <v>297880</v>
      </c>
      <c r="BK33" s="15">
        <v>318327</v>
      </c>
      <c r="BL33" s="15">
        <v>78327</v>
      </c>
      <c r="BM33" s="15">
        <v>0</v>
      </c>
      <c r="BN33" s="15">
        <v>463955</v>
      </c>
      <c r="BO33" s="15">
        <v>304659</v>
      </c>
      <c r="BP33" s="15">
        <v>120684</v>
      </c>
      <c r="BQ33" s="15">
        <v>68934</v>
      </c>
      <c r="BR33" s="15">
        <v>47386</v>
      </c>
      <c r="BS33" s="15">
        <v>9746</v>
      </c>
      <c r="BT33" s="15">
        <v>0</v>
      </c>
      <c r="BU33" s="15">
        <v>8351</v>
      </c>
      <c r="BV33" s="15">
        <v>0</v>
      </c>
      <c r="BW33" s="15">
        <v>0</v>
      </c>
      <c r="BX33" s="15">
        <v>8351</v>
      </c>
      <c r="BY33" s="15">
        <v>0</v>
      </c>
      <c r="BZ33" s="15">
        <v>0</v>
      </c>
      <c r="CA33" s="15">
        <v>248</v>
      </c>
      <c r="CB33" s="15">
        <v>49310</v>
      </c>
      <c r="CC33" s="15">
        <v>159296</v>
      </c>
      <c r="CD33" s="15">
        <v>0</v>
      </c>
      <c r="CE33" s="15">
        <v>0</v>
      </c>
      <c r="CF33" s="15">
        <v>0</v>
      </c>
      <c r="CG33" s="15">
        <v>159296</v>
      </c>
      <c r="CH33" s="15">
        <v>4939</v>
      </c>
      <c r="CI33" s="15">
        <v>1571</v>
      </c>
      <c r="CJ33" s="15">
        <v>3368</v>
      </c>
      <c r="CK33" s="15">
        <v>3238</v>
      </c>
      <c r="CL33" s="15">
        <v>0</v>
      </c>
      <c r="CM33" s="15">
        <v>130</v>
      </c>
      <c r="CN33" s="15">
        <v>259345</v>
      </c>
      <c r="CO33" s="15">
        <v>256580</v>
      </c>
      <c r="CP33" s="15">
        <v>0</v>
      </c>
      <c r="CQ33" s="15">
        <v>2765</v>
      </c>
      <c r="CR33" s="15">
        <v>66834</v>
      </c>
      <c r="CS33" s="15">
        <v>540570</v>
      </c>
      <c r="CT33" s="15">
        <v>471651</v>
      </c>
      <c r="CU33" s="15">
        <v>68919</v>
      </c>
      <c r="CV33" s="15">
        <v>150554</v>
      </c>
      <c r="CW33" s="15">
        <v>1467</v>
      </c>
      <c r="CX33" s="15">
        <v>2</v>
      </c>
      <c r="CY33" s="15">
        <v>0</v>
      </c>
      <c r="CZ33" s="15">
        <v>7055</v>
      </c>
      <c r="DA33" s="15">
        <v>0</v>
      </c>
      <c r="DB33" s="15">
        <v>0</v>
      </c>
      <c r="DC33" s="15">
        <v>0</v>
      </c>
      <c r="DD33" s="15">
        <v>0</v>
      </c>
      <c r="DE33" s="15">
        <v>142030</v>
      </c>
      <c r="DF33" s="15">
        <v>8601</v>
      </c>
      <c r="DG33" s="15">
        <v>0</v>
      </c>
      <c r="DH33" s="15">
        <v>133429</v>
      </c>
      <c r="DI33" s="15">
        <v>703700</v>
      </c>
      <c r="DJ33" s="15">
        <v>8330816</v>
      </c>
    </row>
    <row r="34" spans="1:114" s="13" customFormat="1" ht="17.25" customHeight="1">
      <c r="A34" s="6" t="s">
        <v>197</v>
      </c>
      <c r="B34" s="15">
        <v>5781943</v>
      </c>
      <c r="C34" s="15">
        <v>43826</v>
      </c>
      <c r="D34" s="15">
        <v>10315</v>
      </c>
      <c r="E34" s="15">
        <v>0</v>
      </c>
      <c r="F34" s="15">
        <v>0</v>
      </c>
      <c r="G34" s="15">
        <v>0</v>
      </c>
      <c r="H34" s="15">
        <v>29494</v>
      </c>
      <c r="I34" s="15">
        <v>0</v>
      </c>
      <c r="J34" s="15">
        <v>4017</v>
      </c>
      <c r="K34" s="15">
        <v>837</v>
      </c>
      <c r="L34" s="15">
        <v>12347</v>
      </c>
      <c r="M34" s="15">
        <v>15583</v>
      </c>
      <c r="N34" s="15">
        <v>0</v>
      </c>
      <c r="O34" s="15">
        <v>385260</v>
      </c>
      <c r="P34" s="15">
        <v>102067</v>
      </c>
      <c r="Q34" s="15">
        <v>0</v>
      </c>
      <c r="R34" s="15">
        <v>0</v>
      </c>
      <c r="S34" s="15">
        <v>7697</v>
      </c>
      <c r="T34" s="15">
        <v>44118</v>
      </c>
      <c r="U34" s="15">
        <v>539727</v>
      </c>
      <c r="V34" s="15">
        <v>65884</v>
      </c>
      <c r="W34" s="15">
        <v>0</v>
      </c>
      <c r="X34" s="24">
        <v>65884</v>
      </c>
      <c r="Y34" s="15">
        <v>0</v>
      </c>
      <c r="Z34" s="15">
        <v>3097</v>
      </c>
      <c r="AA34" s="15">
        <v>30277</v>
      </c>
      <c r="AB34" s="15">
        <v>13489</v>
      </c>
      <c r="AC34" s="15">
        <v>16788</v>
      </c>
      <c r="AD34" s="15">
        <v>187835</v>
      </c>
      <c r="AE34" s="15">
        <v>656</v>
      </c>
      <c r="AF34" s="15">
        <v>0</v>
      </c>
      <c r="AG34" s="15">
        <v>656</v>
      </c>
      <c r="AH34" s="15">
        <v>0</v>
      </c>
      <c r="AI34" s="15">
        <v>1479</v>
      </c>
      <c r="AJ34" s="15">
        <v>28025</v>
      </c>
      <c r="AK34" s="15">
        <v>157675</v>
      </c>
      <c r="AL34" s="15">
        <v>158144</v>
      </c>
      <c r="AM34" s="15">
        <v>2212</v>
      </c>
      <c r="AN34" s="15">
        <v>155932</v>
      </c>
      <c r="AO34" s="15">
        <v>738244</v>
      </c>
      <c r="AP34" s="15">
        <v>0</v>
      </c>
      <c r="AQ34" s="15">
        <v>0</v>
      </c>
      <c r="AR34" s="15">
        <v>6455</v>
      </c>
      <c r="AS34" s="15">
        <v>109144</v>
      </c>
      <c r="AT34" s="15">
        <v>62634</v>
      </c>
      <c r="AU34" s="15">
        <v>0</v>
      </c>
      <c r="AV34" s="15">
        <v>210</v>
      </c>
      <c r="AW34" s="15">
        <v>26250</v>
      </c>
      <c r="AX34" s="15">
        <v>0</v>
      </c>
      <c r="AY34" s="15">
        <v>3164</v>
      </c>
      <c r="AZ34" s="15">
        <v>0</v>
      </c>
      <c r="BA34" s="15">
        <v>0</v>
      </c>
      <c r="BB34" s="15">
        <v>3164</v>
      </c>
      <c r="BC34" s="15">
        <v>0</v>
      </c>
      <c r="BD34" s="15">
        <v>32628</v>
      </c>
      <c r="BE34" s="15">
        <v>0</v>
      </c>
      <c r="BF34" s="15">
        <v>0</v>
      </c>
      <c r="BG34" s="15">
        <v>941</v>
      </c>
      <c r="BH34" s="15">
        <v>0</v>
      </c>
      <c r="BI34" s="15">
        <v>46874</v>
      </c>
      <c r="BJ34" s="15">
        <v>88713</v>
      </c>
      <c r="BK34" s="15">
        <v>293482</v>
      </c>
      <c r="BL34" s="15">
        <v>67749</v>
      </c>
      <c r="BM34" s="15">
        <v>0</v>
      </c>
      <c r="BN34" s="15">
        <v>376961</v>
      </c>
      <c r="BO34" s="15">
        <v>114995</v>
      </c>
      <c r="BP34" s="15">
        <v>2421</v>
      </c>
      <c r="BQ34" s="15">
        <v>54433</v>
      </c>
      <c r="BR34" s="15">
        <v>14208</v>
      </c>
      <c r="BS34" s="15">
        <v>476</v>
      </c>
      <c r="BT34" s="15">
        <v>0</v>
      </c>
      <c r="BU34" s="15">
        <v>13805</v>
      </c>
      <c r="BV34" s="15">
        <v>0</v>
      </c>
      <c r="BW34" s="15">
        <v>0</v>
      </c>
      <c r="BX34" s="15">
        <v>13805</v>
      </c>
      <c r="BY34" s="15">
        <v>4400</v>
      </c>
      <c r="BZ34" s="15">
        <v>0</v>
      </c>
      <c r="CA34" s="15">
        <v>0</v>
      </c>
      <c r="CB34" s="15">
        <v>25252</v>
      </c>
      <c r="CC34" s="15">
        <v>261966</v>
      </c>
      <c r="CD34" s="15">
        <v>0</v>
      </c>
      <c r="CE34" s="15">
        <v>0</v>
      </c>
      <c r="CF34" s="15">
        <v>0</v>
      </c>
      <c r="CG34" s="15">
        <v>261966</v>
      </c>
      <c r="CH34" s="15">
        <v>41461</v>
      </c>
      <c r="CI34" s="15">
        <v>28150</v>
      </c>
      <c r="CJ34" s="15">
        <v>13311</v>
      </c>
      <c r="CK34" s="15">
        <v>8137</v>
      </c>
      <c r="CL34" s="15">
        <v>3991</v>
      </c>
      <c r="CM34" s="15">
        <v>1183</v>
      </c>
      <c r="CN34" s="15">
        <v>1288615</v>
      </c>
      <c r="CO34" s="15">
        <v>1280023</v>
      </c>
      <c r="CP34" s="15">
        <v>0</v>
      </c>
      <c r="CQ34" s="15">
        <v>8592</v>
      </c>
      <c r="CR34" s="15">
        <v>510442</v>
      </c>
      <c r="CS34" s="15">
        <v>722209</v>
      </c>
      <c r="CT34" s="15">
        <v>426683</v>
      </c>
      <c r="CU34" s="15">
        <v>295526</v>
      </c>
      <c r="CV34" s="15">
        <v>372753</v>
      </c>
      <c r="CW34" s="15">
        <v>9423</v>
      </c>
      <c r="CX34" s="15">
        <v>1</v>
      </c>
      <c r="CY34" s="15">
        <v>0</v>
      </c>
      <c r="CZ34" s="15">
        <v>258913</v>
      </c>
      <c r="DA34" s="15">
        <v>0</v>
      </c>
      <c r="DB34" s="15">
        <v>0</v>
      </c>
      <c r="DC34" s="15">
        <v>0</v>
      </c>
      <c r="DD34" s="15">
        <v>0</v>
      </c>
      <c r="DE34" s="15">
        <v>104416</v>
      </c>
      <c r="DF34" s="15">
        <v>0</v>
      </c>
      <c r="DG34" s="15">
        <v>0</v>
      </c>
      <c r="DH34" s="15">
        <v>104416</v>
      </c>
      <c r="DI34" s="15">
        <v>374100</v>
      </c>
      <c r="DJ34" s="15">
        <v>11803427</v>
      </c>
    </row>
    <row r="35" spans="1:114" s="13" customFormat="1" ht="17.25" customHeight="1">
      <c r="A35" s="6" t="s">
        <v>198</v>
      </c>
      <c r="B35" s="15">
        <v>884534</v>
      </c>
      <c r="C35" s="15">
        <v>19729</v>
      </c>
      <c r="D35" s="15">
        <v>4906</v>
      </c>
      <c r="E35" s="15">
        <v>0</v>
      </c>
      <c r="F35" s="15">
        <v>0</v>
      </c>
      <c r="G35" s="15">
        <v>0</v>
      </c>
      <c r="H35" s="15">
        <v>14031</v>
      </c>
      <c r="I35" s="15">
        <v>0</v>
      </c>
      <c r="J35" s="15">
        <v>792</v>
      </c>
      <c r="K35" s="15">
        <v>404</v>
      </c>
      <c r="L35" s="15">
        <v>6005</v>
      </c>
      <c r="M35" s="15">
        <v>7614</v>
      </c>
      <c r="N35" s="15">
        <v>0</v>
      </c>
      <c r="O35" s="15">
        <v>147497</v>
      </c>
      <c r="P35" s="15">
        <v>0</v>
      </c>
      <c r="Q35" s="15">
        <v>0</v>
      </c>
      <c r="R35" s="15">
        <v>0</v>
      </c>
      <c r="S35" s="15">
        <v>3650</v>
      </c>
      <c r="T35" s="15">
        <v>4374</v>
      </c>
      <c r="U35" s="15">
        <v>14980</v>
      </c>
      <c r="V35" s="15">
        <v>1485980</v>
      </c>
      <c r="W35" s="15">
        <v>1307676</v>
      </c>
      <c r="X35" s="24">
        <v>178304</v>
      </c>
      <c r="Y35" s="15">
        <v>0</v>
      </c>
      <c r="Z35" s="15">
        <v>858</v>
      </c>
      <c r="AA35" s="15">
        <v>47091</v>
      </c>
      <c r="AB35" s="15">
        <v>44316</v>
      </c>
      <c r="AC35" s="15">
        <v>2775</v>
      </c>
      <c r="AD35" s="15">
        <v>31202</v>
      </c>
      <c r="AE35" s="15">
        <v>0</v>
      </c>
      <c r="AF35" s="15">
        <v>0</v>
      </c>
      <c r="AG35" s="15">
        <v>0</v>
      </c>
      <c r="AH35" s="15">
        <v>0</v>
      </c>
      <c r="AI35" s="15">
        <v>154</v>
      </c>
      <c r="AJ35" s="15">
        <v>6477</v>
      </c>
      <c r="AK35" s="15">
        <v>24571</v>
      </c>
      <c r="AL35" s="15">
        <v>5379</v>
      </c>
      <c r="AM35" s="15">
        <v>1648</v>
      </c>
      <c r="AN35" s="15">
        <v>3731</v>
      </c>
      <c r="AO35" s="15">
        <v>726124</v>
      </c>
      <c r="AP35" s="15">
        <v>0</v>
      </c>
      <c r="AQ35" s="15">
        <v>0</v>
      </c>
      <c r="AR35" s="15">
        <v>56336</v>
      </c>
      <c r="AS35" s="15">
        <v>77014</v>
      </c>
      <c r="AT35" s="15">
        <v>40683</v>
      </c>
      <c r="AU35" s="15">
        <v>0</v>
      </c>
      <c r="AV35" s="15">
        <v>0</v>
      </c>
      <c r="AW35" s="15">
        <v>0</v>
      </c>
      <c r="AX35" s="15">
        <v>0</v>
      </c>
      <c r="AY35" s="15">
        <v>3045</v>
      </c>
      <c r="AZ35" s="15">
        <v>0</v>
      </c>
      <c r="BA35" s="15">
        <v>0</v>
      </c>
      <c r="BB35" s="15">
        <v>3045</v>
      </c>
      <c r="BC35" s="15">
        <v>0</v>
      </c>
      <c r="BD35" s="15">
        <v>0</v>
      </c>
      <c r="BE35" s="15">
        <v>0</v>
      </c>
      <c r="BF35" s="15">
        <v>0</v>
      </c>
      <c r="BG35" s="15">
        <v>9945</v>
      </c>
      <c r="BH35" s="15">
        <v>0</v>
      </c>
      <c r="BI35" s="15">
        <v>96618</v>
      </c>
      <c r="BJ35" s="15">
        <v>60791</v>
      </c>
      <c r="BK35" s="15">
        <v>345509</v>
      </c>
      <c r="BL35" s="15">
        <v>36183</v>
      </c>
      <c r="BM35" s="15">
        <v>0</v>
      </c>
      <c r="BN35" s="15">
        <v>232932</v>
      </c>
      <c r="BO35" s="15">
        <v>96446</v>
      </c>
      <c r="BP35" s="15">
        <v>24135</v>
      </c>
      <c r="BQ35" s="15">
        <v>39454</v>
      </c>
      <c r="BR35" s="15">
        <v>9423</v>
      </c>
      <c r="BS35" s="15">
        <v>1320</v>
      </c>
      <c r="BT35" s="15">
        <v>0</v>
      </c>
      <c r="BU35" s="15">
        <v>7498</v>
      </c>
      <c r="BV35" s="15">
        <v>0</v>
      </c>
      <c r="BW35" s="15">
        <v>0</v>
      </c>
      <c r="BX35" s="15">
        <v>7498</v>
      </c>
      <c r="BY35" s="15">
        <v>0</v>
      </c>
      <c r="BZ35" s="15">
        <v>0</v>
      </c>
      <c r="CA35" s="15">
        <v>221</v>
      </c>
      <c r="CB35" s="15">
        <v>14395</v>
      </c>
      <c r="CC35" s="15">
        <v>136486</v>
      </c>
      <c r="CD35" s="15">
        <v>0</v>
      </c>
      <c r="CE35" s="15">
        <v>0</v>
      </c>
      <c r="CF35" s="15">
        <v>0</v>
      </c>
      <c r="CG35" s="15">
        <v>136486</v>
      </c>
      <c r="CH35" s="15">
        <v>43600</v>
      </c>
      <c r="CI35" s="15">
        <v>41916</v>
      </c>
      <c r="CJ35" s="15">
        <v>1684</v>
      </c>
      <c r="CK35" s="15">
        <v>0</v>
      </c>
      <c r="CL35" s="15">
        <v>0</v>
      </c>
      <c r="CM35" s="15">
        <v>1684</v>
      </c>
      <c r="CN35" s="15">
        <v>40554</v>
      </c>
      <c r="CO35" s="15">
        <v>17635</v>
      </c>
      <c r="CP35" s="15">
        <v>0</v>
      </c>
      <c r="CQ35" s="15">
        <v>22919</v>
      </c>
      <c r="CR35" s="15">
        <v>173083</v>
      </c>
      <c r="CS35" s="15">
        <v>154616</v>
      </c>
      <c r="CT35" s="15">
        <v>154399</v>
      </c>
      <c r="CU35" s="15">
        <v>217</v>
      </c>
      <c r="CV35" s="15">
        <v>54811</v>
      </c>
      <c r="CW35" s="15">
        <v>2350</v>
      </c>
      <c r="CX35" s="15">
        <v>0</v>
      </c>
      <c r="CY35" s="15">
        <v>5030</v>
      </c>
      <c r="CZ35" s="15">
        <v>3740</v>
      </c>
      <c r="DA35" s="15">
        <v>0</v>
      </c>
      <c r="DB35" s="15">
        <v>0</v>
      </c>
      <c r="DC35" s="15">
        <v>0</v>
      </c>
      <c r="DD35" s="15">
        <v>0</v>
      </c>
      <c r="DE35" s="15">
        <v>43691</v>
      </c>
      <c r="DF35" s="15">
        <v>0</v>
      </c>
      <c r="DG35" s="15">
        <v>0</v>
      </c>
      <c r="DH35" s="15">
        <v>43691</v>
      </c>
      <c r="DI35" s="15">
        <v>331728</v>
      </c>
      <c r="DJ35" s="15">
        <v>4416745</v>
      </c>
    </row>
    <row r="36" spans="1:114" s="13" customFormat="1" ht="17.25" customHeight="1">
      <c r="A36" s="6" t="s">
        <v>219</v>
      </c>
      <c r="B36" s="15">
        <v>3566153</v>
      </c>
      <c r="C36" s="15">
        <v>66325</v>
      </c>
      <c r="D36" s="15">
        <v>15884</v>
      </c>
      <c r="E36" s="15">
        <v>0</v>
      </c>
      <c r="F36" s="15">
        <v>0</v>
      </c>
      <c r="G36" s="15">
        <v>0</v>
      </c>
      <c r="H36" s="15">
        <v>45419</v>
      </c>
      <c r="I36" s="15">
        <v>0</v>
      </c>
      <c r="J36" s="15">
        <v>5022</v>
      </c>
      <c r="K36" s="15">
        <v>1418</v>
      </c>
      <c r="L36" s="15">
        <v>21124</v>
      </c>
      <c r="M36" s="15">
        <v>26864</v>
      </c>
      <c r="N36" s="15">
        <v>0</v>
      </c>
      <c r="O36" s="15">
        <v>542421</v>
      </c>
      <c r="P36" s="15">
        <v>7429</v>
      </c>
      <c r="Q36" s="15">
        <v>0</v>
      </c>
      <c r="R36" s="15">
        <v>0</v>
      </c>
      <c r="S36" s="15">
        <v>11858</v>
      </c>
      <c r="T36" s="15">
        <v>24242</v>
      </c>
      <c r="U36" s="15">
        <v>159442</v>
      </c>
      <c r="V36" s="15">
        <v>1957301</v>
      </c>
      <c r="W36" s="15">
        <v>1772374</v>
      </c>
      <c r="X36" s="24">
        <v>184927</v>
      </c>
      <c r="Y36" s="15">
        <v>0</v>
      </c>
      <c r="Z36" s="15">
        <v>3662</v>
      </c>
      <c r="AA36" s="15">
        <v>242989</v>
      </c>
      <c r="AB36" s="15">
        <v>240720</v>
      </c>
      <c r="AC36" s="15">
        <v>2269</v>
      </c>
      <c r="AD36" s="15">
        <v>126637</v>
      </c>
      <c r="AE36" s="15">
        <v>132</v>
      </c>
      <c r="AF36" s="15">
        <v>0</v>
      </c>
      <c r="AG36" s="15">
        <v>132</v>
      </c>
      <c r="AH36" s="15">
        <v>0</v>
      </c>
      <c r="AI36" s="15">
        <v>21837</v>
      </c>
      <c r="AJ36" s="15">
        <v>7497</v>
      </c>
      <c r="AK36" s="15">
        <v>97171</v>
      </c>
      <c r="AL36" s="15">
        <v>15161</v>
      </c>
      <c r="AM36" s="15">
        <v>3462</v>
      </c>
      <c r="AN36" s="15">
        <v>11699</v>
      </c>
      <c r="AO36" s="15">
        <v>1550110</v>
      </c>
      <c r="AP36" s="15">
        <v>0</v>
      </c>
      <c r="AQ36" s="15">
        <v>0</v>
      </c>
      <c r="AR36" s="15">
        <v>43023</v>
      </c>
      <c r="AS36" s="15">
        <v>227790</v>
      </c>
      <c r="AT36" s="15">
        <v>155056</v>
      </c>
      <c r="AU36" s="15">
        <v>0</v>
      </c>
      <c r="AV36" s="15">
        <v>0</v>
      </c>
      <c r="AW36" s="15">
        <v>2705</v>
      </c>
      <c r="AX36" s="15">
        <v>0</v>
      </c>
      <c r="AY36" s="15">
        <v>10180</v>
      </c>
      <c r="AZ36" s="15">
        <v>0</v>
      </c>
      <c r="BA36" s="15">
        <v>0</v>
      </c>
      <c r="BB36" s="15">
        <v>10180</v>
      </c>
      <c r="BC36" s="15">
        <v>0</v>
      </c>
      <c r="BD36" s="15">
        <v>27746</v>
      </c>
      <c r="BE36" s="15">
        <v>0</v>
      </c>
      <c r="BF36" s="15">
        <v>0</v>
      </c>
      <c r="BG36" s="15">
        <v>27712</v>
      </c>
      <c r="BH36" s="15">
        <v>0</v>
      </c>
      <c r="BI36" s="15">
        <v>156746</v>
      </c>
      <c r="BJ36" s="15">
        <v>234811</v>
      </c>
      <c r="BK36" s="15">
        <v>572719</v>
      </c>
      <c r="BL36" s="15">
        <v>91622</v>
      </c>
      <c r="BM36" s="15">
        <v>0</v>
      </c>
      <c r="BN36" s="15">
        <v>566188</v>
      </c>
      <c r="BO36" s="15">
        <v>250713</v>
      </c>
      <c r="BP36" s="15">
        <v>19102</v>
      </c>
      <c r="BQ36" s="15">
        <v>115357</v>
      </c>
      <c r="BR36" s="15">
        <v>35432</v>
      </c>
      <c r="BS36" s="15">
        <v>0</v>
      </c>
      <c r="BT36" s="15">
        <v>0</v>
      </c>
      <c r="BU36" s="15">
        <v>14436</v>
      </c>
      <c r="BV36" s="15">
        <v>0</v>
      </c>
      <c r="BW36" s="15">
        <v>0</v>
      </c>
      <c r="BX36" s="15">
        <v>14436</v>
      </c>
      <c r="BY36" s="15">
        <v>0</v>
      </c>
      <c r="BZ36" s="15">
        <v>0</v>
      </c>
      <c r="CA36" s="15">
        <v>1576</v>
      </c>
      <c r="CB36" s="15">
        <v>64810</v>
      </c>
      <c r="CC36" s="15">
        <v>315475</v>
      </c>
      <c r="CD36" s="15">
        <v>0</v>
      </c>
      <c r="CE36" s="15">
        <v>0</v>
      </c>
      <c r="CF36" s="15">
        <v>0</v>
      </c>
      <c r="CG36" s="15">
        <v>315475</v>
      </c>
      <c r="CH36" s="15">
        <v>41696</v>
      </c>
      <c r="CI36" s="15">
        <v>37324</v>
      </c>
      <c r="CJ36" s="15">
        <v>4372</v>
      </c>
      <c r="CK36" s="15">
        <v>3727</v>
      </c>
      <c r="CL36" s="15">
        <v>0</v>
      </c>
      <c r="CM36" s="15">
        <v>645</v>
      </c>
      <c r="CN36" s="15">
        <v>396272</v>
      </c>
      <c r="CO36" s="15">
        <v>394157</v>
      </c>
      <c r="CP36" s="15">
        <v>0</v>
      </c>
      <c r="CQ36" s="15">
        <v>2115</v>
      </c>
      <c r="CR36" s="15">
        <v>533624</v>
      </c>
      <c r="CS36" s="15">
        <v>437648</v>
      </c>
      <c r="CT36" s="15">
        <v>355479</v>
      </c>
      <c r="CU36" s="15">
        <v>82169</v>
      </c>
      <c r="CV36" s="15">
        <v>89304</v>
      </c>
      <c r="CW36" s="15">
        <v>11966</v>
      </c>
      <c r="CX36" s="15">
        <v>0</v>
      </c>
      <c r="CY36" s="15">
        <v>0</v>
      </c>
      <c r="CZ36" s="15">
        <v>12</v>
      </c>
      <c r="DA36" s="15">
        <v>0</v>
      </c>
      <c r="DB36" s="15">
        <v>0</v>
      </c>
      <c r="DC36" s="15">
        <v>0</v>
      </c>
      <c r="DD36" s="15">
        <v>0</v>
      </c>
      <c r="DE36" s="15">
        <v>77326</v>
      </c>
      <c r="DF36" s="15">
        <v>0</v>
      </c>
      <c r="DG36" s="15">
        <v>0</v>
      </c>
      <c r="DH36" s="15">
        <v>77326</v>
      </c>
      <c r="DI36" s="15">
        <v>521800</v>
      </c>
      <c r="DJ36" s="15">
        <v>10909668</v>
      </c>
    </row>
    <row r="37" spans="1:114" s="13" customFormat="1" ht="17.25" customHeight="1">
      <c r="A37" s="6" t="s">
        <v>220</v>
      </c>
      <c r="B37" s="15">
        <v>7370052</v>
      </c>
      <c r="C37" s="15">
        <v>119265</v>
      </c>
      <c r="D37" s="15">
        <v>29395</v>
      </c>
      <c r="E37" s="15">
        <v>0</v>
      </c>
      <c r="F37" s="15">
        <v>0</v>
      </c>
      <c r="G37" s="15">
        <v>0</v>
      </c>
      <c r="H37" s="15">
        <v>84051</v>
      </c>
      <c r="I37" s="15">
        <v>0</v>
      </c>
      <c r="J37" s="15">
        <v>5819</v>
      </c>
      <c r="K37" s="15">
        <v>2472</v>
      </c>
      <c r="L37" s="15">
        <v>36840</v>
      </c>
      <c r="M37" s="15">
        <v>46873</v>
      </c>
      <c r="N37" s="15">
        <v>0</v>
      </c>
      <c r="O37" s="15">
        <v>1002122</v>
      </c>
      <c r="P37" s="15">
        <v>40682</v>
      </c>
      <c r="Q37" s="15">
        <v>0</v>
      </c>
      <c r="R37" s="15">
        <v>0</v>
      </c>
      <c r="S37" s="15">
        <v>22014</v>
      </c>
      <c r="T37" s="15">
        <v>122711</v>
      </c>
      <c r="U37" s="15">
        <v>108173</v>
      </c>
      <c r="V37" s="15">
        <v>327598</v>
      </c>
      <c r="W37" s="15">
        <v>321161</v>
      </c>
      <c r="X37" s="24">
        <v>6437</v>
      </c>
      <c r="Y37" s="15">
        <v>0</v>
      </c>
      <c r="Z37" s="15">
        <v>6465</v>
      </c>
      <c r="AA37" s="15">
        <v>22644</v>
      </c>
      <c r="AB37" s="15">
        <v>20291</v>
      </c>
      <c r="AC37" s="15">
        <v>2353</v>
      </c>
      <c r="AD37" s="15">
        <v>229665</v>
      </c>
      <c r="AE37" s="15">
        <v>0</v>
      </c>
      <c r="AF37" s="15">
        <v>0</v>
      </c>
      <c r="AG37" s="15">
        <v>0</v>
      </c>
      <c r="AH37" s="15">
        <v>0</v>
      </c>
      <c r="AI37" s="15">
        <v>23477</v>
      </c>
      <c r="AJ37" s="15">
        <v>40455</v>
      </c>
      <c r="AK37" s="15">
        <v>165733</v>
      </c>
      <c r="AL37" s="15">
        <v>92149</v>
      </c>
      <c r="AM37" s="15">
        <v>4482</v>
      </c>
      <c r="AN37" s="15">
        <v>87667</v>
      </c>
      <c r="AO37" s="15">
        <v>3136686</v>
      </c>
      <c r="AP37" s="15">
        <v>0</v>
      </c>
      <c r="AQ37" s="15">
        <v>0</v>
      </c>
      <c r="AR37" s="15">
        <v>241116</v>
      </c>
      <c r="AS37" s="15">
        <v>480026</v>
      </c>
      <c r="AT37" s="15">
        <v>373615</v>
      </c>
      <c r="AU37" s="15">
        <v>0</v>
      </c>
      <c r="AV37" s="15">
        <v>102954</v>
      </c>
      <c r="AW37" s="15">
        <v>0</v>
      </c>
      <c r="AX37" s="15">
        <v>0</v>
      </c>
      <c r="AY37" s="15">
        <v>25008</v>
      </c>
      <c r="AZ37" s="15">
        <v>0</v>
      </c>
      <c r="BA37" s="15">
        <v>0</v>
      </c>
      <c r="BB37" s="15">
        <v>25008</v>
      </c>
      <c r="BC37" s="15">
        <v>0</v>
      </c>
      <c r="BD37" s="15">
        <v>87605</v>
      </c>
      <c r="BE37" s="15">
        <v>0</v>
      </c>
      <c r="BF37" s="15">
        <v>0</v>
      </c>
      <c r="BG37" s="15">
        <v>0</v>
      </c>
      <c r="BH37" s="15">
        <v>0</v>
      </c>
      <c r="BI37" s="15">
        <v>142618</v>
      </c>
      <c r="BJ37" s="15">
        <v>529684</v>
      </c>
      <c r="BK37" s="15">
        <v>995583</v>
      </c>
      <c r="BL37" s="15">
        <v>158477</v>
      </c>
      <c r="BM37" s="15">
        <v>0</v>
      </c>
      <c r="BN37" s="15">
        <v>1078081</v>
      </c>
      <c r="BO37" s="15">
        <v>646630</v>
      </c>
      <c r="BP37" s="15">
        <v>112045</v>
      </c>
      <c r="BQ37" s="15">
        <v>239415</v>
      </c>
      <c r="BR37" s="15">
        <v>84653</v>
      </c>
      <c r="BS37" s="15">
        <v>862</v>
      </c>
      <c r="BT37" s="15">
        <v>0</v>
      </c>
      <c r="BU37" s="15">
        <v>18869</v>
      </c>
      <c r="BV37" s="15">
        <v>0</v>
      </c>
      <c r="BW37" s="15">
        <v>0</v>
      </c>
      <c r="BX37" s="15">
        <v>18869</v>
      </c>
      <c r="BY37" s="15">
        <v>4400</v>
      </c>
      <c r="BZ37" s="15">
        <v>0</v>
      </c>
      <c r="CA37" s="15">
        <v>27</v>
      </c>
      <c r="CB37" s="15">
        <v>186359</v>
      </c>
      <c r="CC37" s="15">
        <v>431451</v>
      </c>
      <c r="CD37" s="15">
        <v>150</v>
      </c>
      <c r="CE37" s="15">
        <v>0</v>
      </c>
      <c r="CF37" s="15">
        <v>0</v>
      </c>
      <c r="CG37" s="15">
        <v>431301</v>
      </c>
      <c r="CH37" s="15">
        <v>13102</v>
      </c>
      <c r="CI37" s="15">
        <v>495</v>
      </c>
      <c r="CJ37" s="15">
        <v>12607</v>
      </c>
      <c r="CK37" s="15">
        <v>12438</v>
      </c>
      <c r="CL37" s="15">
        <v>0</v>
      </c>
      <c r="CM37" s="15">
        <v>169</v>
      </c>
      <c r="CN37" s="15">
        <v>31290</v>
      </c>
      <c r="CO37" s="15">
        <v>25446</v>
      </c>
      <c r="CP37" s="15">
        <v>0</v>
      </c>
      <c r="CQ37" s="15">
        <v>5844</v>
      </c>
      <c r="CR37" s="15">
        <v>128824</v>
      </c>
      <c r="CS37" s="15">
        <v>620795</v>
      </c>
      <c r="CT37" s="15">
        <v>591189</v>
      </c>
      <c r="CU37" s="15">
        <v>29606</v>
      </c>
      <c r="CV37" s="15">
        <v>317240</v>
      </c>
      <c r="CW37" s="15">
        <v>16214</v>
      </c>
      <c r="CX37" s="15">
        <v>19</v>
      </c>
      <c r="CY37" s="15">
        <v>0</v>
      </c>
      <c r="CZ37" s="15">
        <v>201500</v>
      </c>
      <c r="DA37" s="15">
        <v>0</v>
      </c>
      <c r="DB37" s="15">
        <v>0</v>
      </c>
      <c r="DC37" s="15">
        <v>0</v>
      </c>
      <c r="DD37" s="15">
        <v>0</v>
      </c>
      <c r="DE37" s="15">
        <v>99507</v>
      </c>
      <c r="DF37" s="15">
        <v>0</v>
      </c>
      <c r="DG37" s="15">
        <v>0</v>
      </c>
      <c r="DH37" s="15">
        <v>99507</v>
      </c>
      <c r="DI37" s="15">
        <v>637100</v>
      </c>
      <c r="DJ37" s="15">
        <v>15512843</v>
      </c>
    </row>
    <row r="38" spans="1:114" ht="17.25" customHeight="1">
      <c r="A38" s="7" t="s">
        <v>221</v>
      </c>
      <c r="B38" s="16">
        <v>1301577</v>
      </c>
      <c r="C38" s="16">
        <v>18906</v>
      </c>
      <c r="D38" s="16">
        <v>2689</v>
      </c>
      <c r="E38" s="16">
        <v>0</v>
      </c>
      <c r="F38" s="16">
        <v>0</v>
      </c>
      <c r="G38" s="16">
        <v>0</v>
      </c>
      <c r="H38" s="16">
        <v>7687</v>
      </c>
      <c r="I38" s="16">
        <v>0</v>
      </c>
      <c r="J38" s="16">
        <v>8530</v>
      </c>
      <c r="K38" s="16">
        <v>186</v>
      </c>
      <c r="L38" s="16">
        <v>2792</v>
      </c>
      <c r="M38" s="16">
        <v>3543</v>
      </c>
      <c r="N38" s="16">
        <v>0</v>
      </c>
      <c r="O38" s="16">
        <v>74379</v>
      </c>
      <c r="P38" s="16">
        <v>15684</v>
      </c>
      <c r="Q38" s="16">
        <v>0</v>
      </c>
      <c r="R38" s="16">
        <v>0</v>
      </c>
      <c r="S38" s="16">
        <v>2010</v>
      </c>
      <c r="T38" s="16">
        <v>3583</v>
      </c>
      <c r="U38" s="16">
        <v>9219</v>
      </c>
      <c r="V38" s="16">
        <v>311219</v>
      </c>
      <c r="W38" s="16">
        <v>260270</v>
      </c>
      <c r="X38" s="26">
        <v>50949</v>
      </c>
      <c r="Y38" s="16">
        <v>0</v>
      </c>
      <c r="Z38" s="16">
        <v>491</v>
      </c>
      <c r="AA38" s="16">
        <v>8817</v>
      </c>
      <c r="AB38" s="16">
        <v>5871</v>
      </c>
      <c r="AC38" s="16">
        <v>2946</v>
      </c>
      <c r="AD38" s="16">
        <v>51624</v>
      </c>
      <c r="AE38" s="16">
        <v>24</v>
      </c>
      <c r="AF38" s="16">
        <v>0</v>
      </c>
      <c r="AG38" s="16">
        <v>24</v>
      </c>
      <c r="AH38" s="16">
        <v>0</v>
      </c>
      <c r="AI38" s="16">
        <v>0</v>
      </c>
      <c r="AJ38" s="16">
        <v>18106</v>
      </c>
      <c r="AK38" s="16">
        <v>33494</v>
      </c>
      <c r="AL38" s="16">
        <v>16003</v>
      </c>
      <c r="AM38" s="16">
        <v>491</v>
      </c>
      <c r="AN38" s="16">
        <v>15512</v>
      </c>
      <c r="AO38" s="16">
        <v>219957</v>
      </c>
      <c r="AP38" s="16">
        <v>0</v>
      </c>
      <c r="AQ38" s="16">
        <v>0</v>
      </c>
      <c r="AR38" s="16">
        <v>34365</v>
      </c>
      <c r="AS38" s="16">
        <v>26218</v>
      </c>
      <c r="AT38" s="16">
        <v>25191</v>
      </c>
      <c r="AU38" s="16">
        <v>0</v>
      </c>
      <c r="AV38" s="16">
        <v>0</v>
      </c>
      <c r="AW38" s="16">
        <v>0</v>
      </c>
      <c r="AX38" s="16">
        <v>0</v>
      </c>
      <c r="AY38" s="16">
        <v>1836</v>
      </c>
      <c r="AZ38" s="16">
        <v>0</v>
      </c>
      <c r="BA38" s="16">
        <v>0</v>
      </c>
      <c r="BB38" s="16">
        <v>1836</v>
      </c>
      <c r="BC38" s="16">
        <v>0</v>
      </c>
      <c r="BD38" s="16">
        <v>1207</v>
      </c>
      <c r="BE38" s="16">
        <v>0</v>
      </c>
      <c r="BF38" s="16">
        <v>0</v>
      </c>
      <c r="BG38" s="16">
        <v>0</v>
      </c>
      <c r="BH38" s="16">
        <v>0</v>
      </c>
      <c r="BI38" s="16">
        <v>4571</v>
      </c>
      <c r="BJ38" s="16">
        <v>38792</v>
      </c>
      <c r="BK38" s="16">
        <v>63440</v>
      </c>
      <c r="BL38" s="16">
        <v>24337</v>
      </c>
      <c r="BM38" s="16">
        <v>0</v>
      </c>
      <c r="BN38" s="16">
        <v>172069</v>
      </c>
      <c r="BO38" s="16">
        <v>49701</v>
      </c>
      <c r="BP38" s="16">
        <v>14526</v>
      </c>
      <c r="BQ38" s="16">
        <v>12701</v>
      </c>
      <c r="BR38" s="16">
        <v>5570</v>
      </c>
      <c r="BS38" s="16">
        <v>0</v>
      </c>
      <c r="BT38" s="16">
        <v>0</v>
      </c>
      <c r="BU38" s="16">
        <v>4354</v>
      </c>
      <c r="BV38" s="16">
        <v>0</v>
      </c>
      <c r="BW38" s="16">
        <v>0</v>
      </c>
      <c r="BX38" s="16">
        <v>4354</v>
      </c>
      <c r="BY38" s="16">
        <v>4400</v>
      </c>
      <c r="BZ38" s="16">
        <v>0</v>
      </c>
      <c r="CA38" s="16">
        <v>80</v>
      </c>
      <c r="CB38" s="16">
        <v>8070</v>
      </c>
      <c r="CC38" s="16">
        <v>122368</v>
      </c>
      <c r="CD38" s="16">
        <v>0</v>
      </c>
      <c r="CE38" s="16">
        <v>0</v>
      </c>
      <c r="CF38" s="16">
        <v>0</v>
      </c>
      <c r="CG38" s="16">
        <v>122368</v>
      </c>
      <c r="CH38" s="16">
        <v>18836</v>
      </c>
      <c r="CI38" s="16">
        <v>18522</v>
      </c>
      <c r="CJ38" s="16">
        <v>314</v>
      </c>
      <c r="CK38" s="16">
        <v>0</v>
      </c>
      <c r="CL38" s="16">
        <v>0</v>
      </c>
      <c r="CM38" s="16">
        <v>314</v>
      </c>
      <c r="CN38" s="16">
        <v>41543</v>
      </c>
      <c r="CO38" s="16">
        <v>38259</v>
      </c>
      <c r="CP38" s="16">
        <v>0</v>
      </c>
      <c r="CQ38" s="16">
        <v>3284</v>
      </c>
      <c r="CR38" s="16">
        <v>7103</v>
      </c>
      <c r="CS38" s="16">
        <v>134827</v>
      </c>
      <c r="CT38" s="16">
        <v>90724</v>
      </c>
      <c r="CU38" s="16">
        <v>44103</v>
      </c>
      <c r="CV38" s="16">
        <v>42124</v>
      </c>
      <c r="CW38" s="16">
        <v>14</v>
      </c>
      <c r="CX38" s="16">
        <v>17</v>
      </c>
      <c r="CY38" s="16">
        <v>0</v>
      </c>
      <c r="CZ38" s="16">
        <v>9000</v>
      </c>
      <c r="DA38" s="16">
        <v>0</v>
      </c>
      <c r="DB38" s="16">
        <v>0</v>
      </c>
      <c r="DC38" s="16">
        <v>0</v>
      </c>
      <c r="DD38" s="16">
        <v>0</v>
      </c>
      <c r="DE38" s="16">
        <v>33093</v>
      </c>
      <c r="DF38" s="16">
        <v>0</v>
      </c>
      <c r="DG38" s="16">
        <v>0</v>
      </c>
      <c r="DH38" s="16">
        <v>33093</v>
      </c>
      <c r="DI38" s="16">
        <v>234700</v>
      </c>
      <c r="DJ38" s="16">
        <v>2691192</v>
      </c>
    </row>
    <row r="39" spans="1:114" ht="17.25" customHeight="1">
      <c r="A39" s="8" t="s">
        <v>199</v>
      </c>
      <c r="B39" s="17">
        <v>1869810944</v>
      </c>
      <c r="C39" s="17">
        <v>19565105</v>
      </c>
      <c r="D39" s="17">
        <v>5809608</v>
      </c>
      <c r="E39" s="17">
        <v>0</v>
      </c>
      <c r="F39" s="17">
        <v>1548655</v>
      </c>
      <c r="G39" s="17">
        <v>48127</v>
      </c>
      <c r="H39" s="17">
        <v>11323671</v>
      </c>
      <c r="I39" s="17">
        <v>0</v>
      </c>
      <c r="J39" s="17">
        <v>835044</v>
      </c>
      <c r="K39" s="17">
        <v>823924</v>
      </c>
      <c r="L39" s="17">
        <v>12273920</v>
      </c>
      <c r="M39" s="17">
        <v>15618768</v>
      </c>
      <c r="N39" s="17">
        <v>1670032</v>
      </c>
      <c r="O39" s="17">
        <v>204688397</v>
      </c>
      <c r="P39" s="17">
        <v>1106041</v>
      </c>
      <c r="Q39" s="17">
        <v>1364</v>
      </c>
      <c r="R39" s="17">
        <v>18531531</v>
      </c>
      <c r="S39" s="17">
        <v>4221500</v>
      </c>
      <c r="T39" s="17">
        <v>18634471</v>
      </c>
      <c r="U39" s="17">
        <v>22620005</v>
      </c>
      <c r="V39" s="17">
        <v>143349165</v>
      </c>
      <c r="W39" s="17">
        <v>135187369</v>
      </c>
      <c r="X39" s="17">
        <v>8157485</v>
      </c>
      <c r="Y39" s="17">
        <v>4311</v>
      </c>
      <c r="Z39" s="17">
        <v>1852533</v>
      </c>
      <c r="AA39" s="17">
        <v>48864223</v>
      </c>
      <c r="AB39" s="17">
        <v>5209668</v>
      </c>
      <c r="AC39" s="17">
        <v>43654555</v>
      </c>
      <c r="AD39" s="17">
        <v>58277210</v>
      </c>
      <c r="AE39" s="17">
        <v>1499631</v>
      </c>
      <c r="AF39" s="17">
        <v>1380208</v>
      </c>
      <c r="AG39" s="17">
        <v>3074</v>
      </c>
      <c r="AH39" s="17">
        <v>116349</v>
      </c>
      <c r="AI39" s="17">
        <v>2422974</v>
      </c>
      <c r="AJ39" s="17">
        <v>18674635</v>
      </c>
      <c r="AK39" s="17">
        <v>35679970</v>
      </c>
      <c r="AL39" s="17">
        <v>23692837</v>
      </c>
      <c r="AM39" s="17">
        <v>1001347</v>
      </c>
      <c r="AN39" s="17">
        <v>22691490</v>
      </c>
      <c r="AO39" s="17">
        <v>1101074235</v>
      </c>
      <c r="AP39" s="17">
        <v>56961759</v>
      </c>
      <c r="AQ39" s="17">
        <v>205065065</v>
      </c>
      <c r="AR39" s="17">
        <v>120643432</v>
      </c>
      <c r="AS39" s="17">
        <v>86917212</v>
      </c>
      <c r="AT39" s="17">
        <v>88013922</v>
      </c>
      <c r="AU39" s="17">
        <v>0</v>
      </c>
      <c r="AV39" s="17">
        <v>48231318</v>
      </c>
      <c r="AW39" s="17">
        <v>664932</v>
      </c>
      <c r="AX39" s="17">
        <v>0</v>
      </c>
      <c r="AY39" s="17">
        <v>8937391</v>
      </c>
      <c r="AZ39" s="17">
        <v>0</v>
      </c>
      <c r="BA39" s="17">
        <v>0</v>
      </c>
      <c r="BB39" s="17">
        <v>8937391</v>
      </c>
      <c r="BC39" s="17">
        <v>0</v>
      </c>
      <c r="BD39" s="17">
        <v>23482514</v>
      </c>
      <c r="BE39" s="17">
        <v>1627262</v>
      </c>
      <c r="BF39" s="17">
        <v>0</v>
      </c>
      <c r="BG39" s="17">
        <v>478300</v>
      </c>
      <c r="BH39" s="17">
        <v>0</v>
      </c>
      <c r="BI39" s="17">
        <v>39443059</v>
      </c>
      <c r="BJ39" s="17">
        <v>117373091</v>
      </c>
      <c r="BK39" s="17">
        <v>191506347</v>
      </c>
      <c r="BL39" s="17">
        <v>111728631</v>
      </c>
      <c r="BM39" s="17">
        <v>6229387</v>
      </c>
      <c r="BN39" s="17">
        <v>229021085</v>
      </c>
      <c r="BO39" s="17">
        <v>145957887</v>
      </c>
      <c r="BP39" s="17">
        <v>49951425</v>
      </c>
      <c r="BQ39" s="17">
        <v>41083227</v>
      </c>
      <c r="BR39" s="17">
        <v>19232765</v>
      </c>
      <c r="BS39" s="17">
        <v>1872538</v>
      </c>
      <c r="BT39" s="17">
        <v>10597</v>
      </c>
      <c r="BU39" s="17">
        <v>2164408</v>
      </c>
      <c r="BV39" s="17">
        <v>0</v>
      </c>
      <c r="BW39" s="17">
        <v>0</v>
      </c>
      <c r="BX39" s="17">
        <v>2164408</v>
      </c>
      <c r="BY39" s="17">
        <v>33187</v>
      </c>
      <c r="BZ39" s="17">
        <v>123990</v>
      </c>
      <c r="CA39" s="17">
        <v>9257345</v>
      </c>
      <c r="CB39" s="17">
        <v>22228405</v>
      </c>
      <c r="CC39" s="17">
        <v>83063198</v>
      </c>
      <c r="CD39" s="17">
        <v>2721423</v>
      </c>
      <c r="CE39" s="17">
        <v>0</v>
      </c>
      <c r="CF39" s="17">
        <v>2709264</v>
      </c>
      <c r="CG39" s="17">
        <v>77632511</v>
      </c>
      <c r="CH39" s="17">
        <v>75259074</v>
      </c>
      <c r="CI39" s="17">
        <v>11212129</v>
      </c>
      <c r="CJ39" s="17">
        <v>64046945</v>
      </c>
      <c r="CK39" s="17">
        <v>14722831</v>
      </c>
      <c r="CL39" s="17">
        <v>3991</v>
      </c>
      <c r="CM39" s="17">
        <v>49320123</v>
      </c>
      <c r="CN39" s="17">
        <v>19592805</v>
      </c>
      <c r="CO39" s="17">
        <v>15125669</v>
      </c>
      <c r="CP39" s="17">
        <v>71042</v>
      </c>
      <c r="CQ39" s="17">
        <v>4396094</v>
      </c>
      <c r="CR39" s="17">
        <v>87523815</v>
      </c>
      <c r="CS39" s="17">
        <v>82582971</v>
      </c>
      <c r="CT39" s="17">
        <v>53683293</v>
      </c>
      <c r="CU39" s="17">
        <v>28899678</v>
      </c>
      <c r="CV39" s="17">
        <v>326038363</v>
      </c>
      <c r="CW39" s="17">
        <v>1706861</v>
      </c>
      <c r="CX39" s="17">
        <v>2743</v>
      </c>
      <c r="CY39" s="17">
        <v>42359</v>
      </c>
      <c r="CZ39" s="17">
        <v>269361904</v>
      </c>
      <c r="DA39" s="17">
        <v>1117317</v>
      </c>
      <c r="DB39" s="17">
        <v>277444</v>
      </c>
      <c r="DC39" s="17">
        <v>839873</v>
      </c>
      <c r="DD39" s="17">
        <v>14364601</v>
      </c>
      <c r="DE39" s="17">
        <v>39442578</v>
      </c>
      <c r="DF39" s="17">
        <v>15849</v>
      </c>
      <c r="DG39" s="17">
        <v>0</v>
      </c>
      <c r="DH39" s="17">
        <v>39426729</v>
      </c>
      <c r="DI39" s="17">
        <v>340965825</v>
      </c>
      <c r="DJ39" s="17">
        <v>4733889530</v>
      </c>
    </row>
  </sheetData>
  <mergeCells count="22">
    <mergeCell ref="DF2:DH2"/>
    <mergeCell ref="W1:Y1"/>
    <mergeCell ref="AE1:AJ1"/>
    <mergeCell ref="BO1:BS1"/>
    <mergeCell ref="BT1:BZ1"/>
    <mergeCell ref="CA1:CG1"/>
    <mergeCell ref="CA2:CB2"/>
    <mergeCell ref="CI1:CM1"/>
    <mergeCell ref="CO1:CQ1"/>
    <mergeCell ref="CW1:DB1"/>
    <mergeCell ref="DC1:DH1"/>
    <mergeCell ref="CD2:CG2"/>
    <mergeCell ref="BP2:BS2"/>
    <mergeCell ref="BT2:BZ2"/>
    <mergeCell ref="BV3:BX3"/>
    <mergeCell ref="AF2:AH2"/>
    <mergeCell ref="AM1:AN1"/>
    <mergeCell ref="AZ2:BB2"/>
    <mergeCell ref="AP1:AQ1"/>
    <mergeCell ref="AR1:AX1"/>
    <mergeCell ref="AY1:BE1"/>
    <mergeCell ref="BF1:BL1"/>
  </mergeCells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３年度市町村普通会計決算状況
　（２）歳入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10T01:55:23Z</cp:lastPrinted>
  <dcterms:created xsi:type="dcterms:W3CDTF">2013-03-18T10:11:33Z</dcterms:created>
  <dcterms:modified xsi:type="dcterms:W3CDTF">2023-01-05T07:48:20Z</dcterms:modified>
</cp:coreProperties>
</file>